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3127"/>
  <workbookPr defaultThemeVersion="166925"/>
  <mc:AlternateContent xmlns:mc="http://schemas.openxmlformats.org/markup-compatibility/2006">
    <mc:Choice Requires="x15">
      <x15ac:absPath xmlns:x15ac="http://schemas.microsoft.com/office/spreadsheetml/2010/11/ac" url="C:\Users\s32536\Desktop\"/>
    </mc:Choice>
  </mc:AlternateContent>
  <xr:revisionPtr revIDLastSave="0" documentId="8_{FA646CCD-47CA-42F3-923E-E4C72B4C3B8C}" xr6:coauthVersionLast="45" xr6:coauthVersionMax="45" xr10:uidLastSave="{00000000-0000-0000-0000-000000000000}"/>
  <bookViews>
    <workbookView showSheetTabs="0" xWindow="-108" yWindow="-108" windowWidth="23256" windowHeight="14016" xr2:uid="{70DF9535-E5EB-45BD-A5E9-507C74C2ECD6}"/>
  </bookViews>
  <sheets>
    <sheet name="Contents" sheetId="1" r:id="rId1"/>
    <sheet name="Details" sheetId="2" r:id="rId2"/>
    <sheet name="Table" sheetId="3" r:id="rId3"/>
  </sheets>
  <definedNames>
    <definedName name="_xlnm._FilterDatabase" localSheetId="0" hidden="1">Contents!$A$6:$C$6</definedName>
    <definedName name="_xlnm.Print_Area" localSheetId="0">Contents!$B:$C</definedName>
    <definedName name="_xlnm.Print_Area" localSheetId="1">Details!$B$2:$D$18</definedName>
    <definedName name="_xlnm.Print_Area" localSheetId="2">Table!$B$1:$Z$3034</definedName>
    <definedName name="_xlnm.Print_Titles" localSheetId="0">Contents!$6:$6</definedName>
  </definedNames>
  <calcPr calcId="191029" calcMode="manual"/>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sharedStrings.xml><?xml version="1.0" encoding="utf-8"?>
<sst xmlns="http://schemas.openxmlformats.org/spreadsheetml/2006/main" count="5360" uniqueCount="835">
  <si>
    <t>表頭</t>
    <rPh sb="0" eb="1">
      <t>ヒョウ</t>
    </rPh>
    <rPh sb="1" eb="2">
      <t>トウ</t>
    </rPh>
    <phoneticPr fontId="2"/>
  </si>
  <si>
    <t>表側</t>
    <rPh sb="0" eb="1">
      <t>ヒョウ</t>
    </rPh>
    <rPh sb="1" eb="2">
      <t>ソク</t>
    </rPh>
    <phoneticPr fontId="2"/>
  </si>
  <si>
    <t>■ 調査概要</t>
    <rPh sb="2" eb="4">
      <t>チョウサ</t>
    </rPh>
    <rPh sb="4" eb="6">
      <t>ガイヨウ</t>
    </rPh>
    <phoneticPr fontId="2"/>
  </si>
  <si>
    <t>調査区分</t>
    <rPh sb="0" eb="2">
      <t>チョウサ</t>
    </rPh>
    <rPh sb="2" eb="4">
      <t>クブン</t>
    </rPh>
    <phoneticPr fontId="2"/>
  </si>
  <si>
    <t>調査対象</t>
    <rPh sb="0" eb="2">
      <t>チョウサ</t>
    </rPh>
    <rPh sb="2" eb="4">
      <t>タイショウ</t>
    </rPh>
    <phoneticPr fontId="2"/>
  </si>
  <si>
    <t>依頼数</t>
    <rPh sb="0" eb="2">
      <t>イライ</t>
    </rPh>
    <rPh sb="2" eb="3">
      <t>スウ</t>
    </rPh>
    <phoneticPr fontId="2"/>
  </si>
  <si>
    <t>調査依頼した対象者数です。</t>
  </si>
  <si>
    <t>有効回答数</t>
    <rPh sb="0" eb="2">
      <t>ユウコウ</t>
    </rPh>
    <rPh sb="2" eb="5">
      <t>カイトウスウ</t>
    </rPh>
    <phoneticPr fontId="2"/>
  </si>
  <si>
    <t>集計対象とする有効回答の対象者数です。</t>
    <phoneticPr fontId="2"/>
  </si>
  <si>
    <t>回収率</t>
    <rPh sb="0" eb="2">
      <t>カイシュウ</t>
    </rPh>
    <rPh sb="2" eb="3">
      <t>リツ</t>
    </rPh>
    <phoneticPr fontId="2"/>
  </si>
  <si>
    <t>（有効回答数/依頼数）</t>
    <rPh sb="1" eb="3">
      <t>ユウコウ</t>
    </rPh>
    <rPh sb="3" eb="5">
      <t>カイトウ</t>
    </rPh>
    <phoneticPr fontId="2"/>
  </si>
  <si>
    <t>回答時間中央値</t>
    <rPh sb="0" eb="2">
      <t>カイトウ</t>
    </rPh>
    <rPh sb="2" eb="4">
      <t>ジカン</t>
    </rPh>
    <rPh sb="4" eb="6">
      <t>チュウオウ</t>
    </rPh>
    <rPh sb="6" eb="7">
      <t>チ</t>
    </rPh>
    <phoneticPr fontId="2"/>
  </si>
  <si>
    <t>有効回答者の回答時間をソートした時、中央に位置する値です。（時：分：秒）</t>
    <phoneticPr fontId="2"/>
  </si>
  <si>
    <t>回答時間平均値</t>
    <rPh sb="0" eb="2">
      <t>カイトウ</t>
    </rPh>
    <rPh sb="2" eb="4">
      <t>ジカン</t>
    </rPh>
    <rPh sb="4" eb="7">
      <t>ヘイキンチ</t>
    </rPh>
    <phoneticPr fontId="2"/>
  </si>
  <si>
    <t>有効回答者が回答完了までに要した時間の平均値です。（時：分：秒）</t>
    <phoneticPr fontId="2"/>
  </si>
  <si>
    <t>■ 集計情報</t>
    <rPh sb="2" eb="4">
      <t>シュウケイ</t>
    </rPh>
    <rPh sb="4" eb="6">
      <t>ジョウホウ</t>
    </rPh>
    <phoneticPr fontId="2"/>
  </si>
  <si>
    <t>集計ベース</t>
    <rPh sb="0" eb="2">
      <t>シュウケイ</t>
    </rPh>
    <phoneticPr fontId="2"/>
  </si>
  <si>
    <t>回答者ベース：質問項目ごとの回答対象者 ／ 全数ベース：調査の全回答者</t>
    <rPh sb="0" eb="2">
      <t>カイトウ</t>
    </rPh>
    <rPh sb="2" eb="3">
      <t>シャ</t>
    </rPh>
    <rPh sb="7" eb="9">
      <t>シツモン</t>
    </rPh>
    <rPh sb="9" eb="11">
      <t>コウモク</t>
    </rPh>
    <rPh sb="14" eb="16">
      <t>カイトウ</t>
    </rPh>
    <rPh sb="16" eb="19">
      <t>タイショウシャ</t>
    </rPh>
    <rPh sb="22" eb="24">
      <t>ゼンスウ</t>
    </rPh>
    <rPh sb="28" eb="30">
      <t>チョウサ</t>
    </rPh>
    <rPh sb="31" eb="32">
      <t>ゼン</t>
    </rPh>
    <rPh sb="32" eb="34">
      <t>カイトウ</t>
    </rPh>
    <rPh sb="34" eb="35">
      <t>シャ</t>
    </rPh>
    <phoneticPr fontId="2"/>
  </si>
  <si>
    <t>ウエイトバック</t>
    <phoneticPr fontId="2"/>
  </si>
  <si>
    <t>集計ベースの絞り込み条件</t>
    <rPh sb="0" eb="2">
      <t>シュウケイ</t>
    </rPh>
    <rPh sb="6" eb="7">
      <t>シボ</t>
    </rPh>
    <rPh sb="8" eb="9">
      <t>コ</t>
    </rPh>
    <rPh sb="10" eb="12">
      <t>ジョウケン</t>
    </rPh>
    <phoneticPr fontId="2"/>
  </si>
  <si>
    <t>調査名：第42回勤労者の仕事と暮らしに関する調査</t>
  </si>
  <si>
    <t>調査票タイトル：勤労者の仕事と暮らしに関するアンケート</t>
  </si>
  <si>
    <t>調査期間：2021/10/01～2021/10/05</t>
  </si>
  <si>
    <t>回答者ベース / 絞込み無 / ウエイトバック無</t>
  </si>
  <si>
    <t>調査概要・集計条件詳細</t>
  </si>
  <si>
    <t>目次</t>
  </si>
  <si>
    <t>作成日時：2021/10/14 13:18:53</t>
  </si>
  <si>
    <t>本調査</t>
  </si>
  <si>
    <t>34036 s</t>
  </si>
  <si>
    <t>4307 s</t>
  </si>
  <si>
    <t>12.7 %</t>
  </si>
  <si>
    <t>00:11:07</t>
  </si>
  <si>
    <t>00:33:56</t>
  </si>
  <si>
    <t>回答者ベース</t>
  </si>
  <si>
    <t>無</t>
  </si>
  <si>
    <t xml:space="preserve"> </t>
  </si>
  <si>
    <t>Ｆ１　性別</t>
  </si>
  <si>
    <t>＊＊　表側②＊＊</t>
  </si>
  <si>
    <t>TOTAL</t>
  </si>
  <si>
    <t>首都圏</t>
  </si>
  <si>
    <t>関西圏</t>
  </si>
  <si>
    <t>北海道</t>
  </si>
  <si>
    <t>東北</t>
  </si>
  <si>
    <t>北関東</t>
  </si>
  <si>
    <t>中部</t>
  </si>
  <si>
    <t>中国</t>
  </si>
  <si>
    <t>四国</t>
  </si>
  <si>
    <t>九州</t>
  </si>
  <si>
    <t>首都圏関西圏を除くそれ以外の地域</t>
  </si>
  <si>
    <t>質問文原文</t>
  </si>
  <si>
    <t>【表頭】あなたの性別はどちらですか。（回答は1つ）</t>
  </si>
  <si>
    <t>【表側】</t>
  </si>
  <si>
    <t>Ｆ２　年齢層（１０歳刻み）</t>
  </si>
  <si>
    <t>Ｆ２　年齢層（５歳刻み）</t>
  </si>
  <si>
    <t>Ｆ２　年齢層（２分類）</t>
  </si>
  <si>
    <t>Ｆ３　居住地</t>
  </si>
  <si>
    <t>【表頭】あなたが現在居住されている地域をお答えください。（回答は1つ）</t>
  </si>
  <si>
    <t>＊Ｆ３　居住地（中分類）</t>
  </si>
  <si>
    <t>＊Ｆ３　居住地（大分類）</t>
  </si>
  <si>
    <t>Ｆ４　就業形態</t>
  </si>
  <si>
    <t>【表頭】あなたの現在の就業形態についてお答えください。（回答は1つ）※勤め先での一時休業や産前・産後の休暇、育児休業、介護休業などで仕事を一時的に休んでいる方は、休業・休暇の前の就業形態をお答えください。</t>
  </si>
  <si>
    <t>＊Ｆ４　就業形態（大分類）</t>
  </si>
  <si>
    <t>＊Ｆ４　就業形態（中分類）</t>
  </si>
  <si>
    <t>Ｆ４＿２　雇用契約期間</t>
  </si>
  <si>
    <t>【表頭】あなたの今の雇用契約期間についてお答えください。（回答は1つ）※契約を更新している場合は、通算期間ではなく、現在の契約についてお答えください。</t>
  </si>
  <si>
    <t>＊Ｆ４＿２　雇用契約期間（中分類）</t>
  </si>
  <si>
    <t>＊Ｆ４＿２　雇用契約期間（大分類）</t>
  </si>
  <si>
    <t>Ｆ５　勤務先の業種</t>
  </si>
  <si>
    <t>【表頭】あなたの勤め先の主な業種をお答えください。（回答は1つ）※派遣労働者の方は、派遣先の会社等についてお答えください。その他の方は、雇われて働いている会社等についてお答えください。</t>
  </si>
  <si>
    <t>＊Ｆ５　勤務先の業種（中分類）</t>
  </si>
  <si>
    <t>＊Ｆ５　勤務先の業種（大分類）</t>
  </si>
  <si>
    <t>ＱＲ１　１年前のあなたの就業状況</t>
  </si>
  <si>
    <t>【表頭】1年前のあなたの就業状況について、以下の中からあてはまるものをお答えください。（回答は1つ）※勤め先での一時休業や産前・産後の休暇、育児休業、介護休業などで仕事を一時的に休んでいた方は、休業・休暇の前の就業状態をお答えください。</t>
  </si>
  <si>
    <t>＊ＱＲ１　１年前のあなたの就業状況（勤務先区分）</t>
  </si>
  <si>
    <t>＊ＱＲ１　１年前のあなたの就業状況（正社員・非正社員区分）</t>
  </si>
  <si>
    <t>＊ＱＲ１　１年前のあなたの就業状況</t>
  </si>
  <si>
    <t>ＱＲ２　１年前と比較した現在の日本の景気</t>
  </si>
  <si>
    <t>【表頭】1年前と比べて、現在の日本の景気は良くなったと思いますか、悪くなったと思いますか。（回答は1つ）</t>
  </si>
  <si>
    <t>＊ＱＲ２　１年前と比較した現在の日本の景気（大分類）</t>
  </si>
  <si>
    <t>ＱＲ３　現在と比較した１年後の日本の景気</t>
  </si>
  <si>
    <t>【表頭】1年後の日本の景気は、現在と比べて良くなると思いますか、悪くなると思いますか。（回答は1つ）</t>
  </si>
  <si>
    <t>＊ＱＲ３　現在と比較した１年後の日本の景気（大分類）</t>
  </si>
  <si>
    <t>ＱＲ４　１年前と比較した勤め先の会社の現在の経営状況</t>
  </si>
  <si>
    <t>【表頭】1年前と比べて、あなたの勤め先の会社の現在の経営状況（業績）はどのような状況ですか。（回答は1つ）※派遣労働者の方は、派遣先の会社についてお答えください。その他の方は、雇われて働いている会社についてお答えください。</t>
  </si>
  <si>
    <t>＊ＱＲ４　１年前と比較した勤め先の会社の現在の経営状況（大分類）</t>
  </si>
  <si>
    <t>ＱＲ５　現在と比較した勤め先の会社の１年後の経営状況</t>
  </si>
  <si>
    <t>【表頭】あなたの勤め先の会社の1年後の経営状況（業績）は、現在と比べてどのようになると思いますか。（回答は1つ）※派遣労働者の方は、派遣先の会社についてお答えください。その他の方は、雇われて働いている会社についてお答えください。</t>
  </si>
  <si>
    <t>＊ＱＲ５　現在と比較した勤め先の会社の１年後の経営状況（大分類）</t>
  </si>
  <si>
    <t>ＱＲ６　１年前と比較した現在の職場の従業員数の増減  １年前と比較した現在の正社員の数</t>
  </si>
  <si>
    <t>【表頭】1年前と比べて、あなたが現在働いている職場で次の従業員数はそれぞれ増えましたか、減りましたか。（回答は横の行ごとに1つずつ）  1年前と比べた現在の正社員の数</t>
  </si>
  <si>
    <t>ＱＲ６　１年前と比較した現在の職場の従業員数の増減  １年前と比較した現在の非正社員数</t>
  </si>
  <si>
    <t>【表頭】1年前と比べて、あなたが現在働いている職場で次の従業員数はそれぞれ増えましたか、減りましたか。（回答は横の行ごとに1つずつ）  1年前と比べた現在の非正社員（パートタイマー、アルバイト、契約社員、派遣労働者等）の数</t>
  </si>
  <si>
    <t>＊ＱＲ６　１年前と比較した現在の職場の従業員数の増減（大分類）  １年前と比較した現在の正社員数</t>
  </si>
  <si>
    <t>＊ＱＲ６　１年前と比較した現在の職場の従業員数の増減（大分類）  １年前と比較した現在の非正社員数</t>
  </si>
  <si>
    <t>ＱＲ７　１年前と比較した現在の実労働時間の増減</t>
  </si>
  <si>
    <t>【表頭】1年前と比べて、あなたの実労働時間（残業・休日出勤を含む）は増えましたか、減りましたか。（回答は1つ）</t>
  </si>
  <si>
    <t>＊ＱＲ７　１年前と比較した現在の実労働時間の増減（大分類）</t>
  </si>
  <si>
    <t>ＱＲ８　今後１年に失業する不安</t>
  </si>
  <si>
    <t>【表頭】今後1年くらいの間にあなたご自身が失業する不安を感じますか。（回答は1つ）</t>
  </si>
  <si>
    <t>＊ＱＲ８　今後１年に失業する不安（大分類）</t>
  </si>
  <si>
    <t>ＱＲ９　１年前と比較した現在の賃金収入の増減</t>
  </si>
  <si>
    <t>【表頭】1年前と比べて、あなた自身の賃金収入は増えましたか、減りましたか。（回答は1つ）</t>
  </si>
  <si>
    <t>＊ＱＲ９　１年前と比較した現在の賃金収入の増減（大分類）</t>
  </si>
  <si>
    <t>ＱＲ１０　現在と比較した１年後の賃金収入の増減</t>
  </si>
  <si>
    <t>【表頭】1年後のあなた自身の賃金収入は、現在と比べて増えると思いますか、減ると思いますか。（回答は1つ）</t>
  </si>
  <si>
    <t>＊ＱＲ１０　現在と比較した１年後の賃金収入の増減（大分類）</t>
  </si>
  <si>
    <t>ＱＲ１１　１年前と比較した現在の世帯全体の収入の増減</t>
  </si>
  <si>
    <t>【表頭】1年前と比べて、世帯全体の収入は増えましたか、減りましたか。（回答は1つ）</t>
  </si>
  <si>
    <t>＊ＱＲ１１　１年前と比較した現在の世帯全体の収入の増減（大分類）</t>
  </si>
  <si>
    <t>ＱＲ１２　現在と比較した１年後の世帯全体の収入の増減</t>
  </si>
  <si>
    <t>【表頭】1年後の世帯全体の収入は、現在と比べて増えると思いますか、減ると思いますか。（回答は1つ）</t>
  </si>
  <si>
    <t>＊ＱＲ１２　現在と比較した１年後の世帯全体の収入の増減（大分類）</t>
  </si>
  <si>
    <t>ＱＲ１３　１年前と比較した現在の世帯全体の消費の増減</t>
  </si>
  <si>
    <t>【表頭】1年前と比べて、世帯全体の消費は増えましたか、減りましたか。（回答は1つ）</t>
  </si>
  <si>
    <t>＊ＱＲ１３　１年前と比較した現在の世帯全体の消費の増減（大分類）</t>
  </si>
  <si>
    <t>ＱＲ１４　現在と比較した１年後の世帯全体の消費の増減</t>
  </si>
  <si>
    <t>【表頭】1年後の世帯全体の消費は、現在と比べて増えると思いますか、減ると思いますか。（回答は1つ）</t>
  </si>
  <si>
    <t>＊ＱＲ１４　現在と比較した１年後の世帯全体の消費の増減（大分類）</t>
  </si>
  <si>
    <t>ＱＲ１５　１年前と比較した現在の物価の状況</t>
  </si>
  <si>
    <t>【表頭】あなたは、1年前と比べて物価は上がったと思いますか、下がったと思いますか。（回答は1つ）</t>
  </si>
  <si>
    <t>＊ＱＲ１５　１年前と比較した現在の物価の状況（大分類）</t>
  </si>
  <si>
    <t>ＱＲ１６　現在と比較した１年後の物価の状況</t>
  </si>
  <si>
    <t>【表頭】あなたは、1年後の物価は、現在と比べて上がると思いますか、下がると思いますか。（回答は1つ）</t>
  </si>
  <si>
    <t>＊ＱＲ１６　現在と比較した１年後の物価の状況（大分類）</t>
  </si>
  <si>
    <t>ＱＲ１７　１年前と比較した現在の世帯の暮らしむき</t>
  </si>
  <si>
    <t>【表頭】あなたの世帯の暮らしむきは、1年前と比べて良くなったと思いますか、悪くなったと思いますか。（回答は1つ）</t>
  </si>
  <si>
    <t>＊ＱＲ１７　１年前と比較した現在の世帯の暮らしむき（大分類）</t>
  </si>
  <si>
    <t>ＱＲ１８　現在と比較した１年後の世帯の暮らしむき</t>
  </si>
  <si>
    <t>【表頭】1年後のあなたの世帯の暮らしむきは、現在と比べて良くなると思いますか、悪くなると思いますか。（回答は1つ）</t>
  </si>
  <si>
    <t>＊ＱＲ１８　現在と比較した１年後の世帯の暮らしむき（大分類）</t>
  </si>
  <si>
    <t>ＱＲ１９　今の勤め先での仕事について  仕事に働きがいを感じている</t>
  </si>
  <si>
    <t>【表頭】あなたの今の仕事についてお聞きします。以下のそれぞれの項目についてどの程度当てはまりますか。（回答は横の行ごとに1つずつ）※派遣労働者の方は、派遣先の会社での仕事についてお答えください。その他の方は、雇われて働いている会社での仕事についてお答えください。  仕事に働きがいを感じている</t>
  </si>
  <si>
    <t>ＱＲ１９　今の勤め先での仕事について  自分の能力・専門性を十分に活かせている</t>
  </si>
  <si>
    <t>【表頭】あなたの今の仕事についてお聞きします。以下のそれぞれの項目についてどの程度当てはまりますか。（回答は横の行ごとに1つずつ）※派遣労働者の方は、派遣先の会社での仕事についてお答えください。その他の方は、雇われて働いている会社での仕事についてお答えください。  自分の能力・専門性を十分に活かせている</t>
  </si>
  <si>
    <t>ＱＲ１９　今の勤め先での仕事について  職業能力やキャリアを高めるための機会や支援がある</t>
  </si>
  <si>
    <t>【表頭】あなたの今の仕事についてお聞きします。以下のそれぞれの項目についてどの程度当てはまりますか。（回答は横の行ごとに1つずつ）※派遣労働者の方は、派遣先の会社での仕事についてお答えください。その他の方は、雇われて働いている会社での仕事についてお答えください。  職業能力やキャリアを高めるための機会や支援がある</t>
  </si>
  <si>
    <t>ＱＲ１９　今の勤め先での仕事について  一定の責任・裁量を与えられている</t>
  </si>
  <si>
    <t>【表頭】あなたの今の仕事についてお聞きします。以下のそれぞれの項目についてどの程度当てはまりますか。（回答は横の行ごとに1つずつ）※派遣労働者の方は、派遣先の会社での仕事についてお答えください。その他の方は、雇われて働いている会社での仕事についてお答えください。  一定の責任・裁量を与えられている</t>
  </si>
  <si>
    <t>ＱＲ１９　今の勤め先での仕事について  家計をまかなえる賃金・処遇条件である</t>
  </si>
  <si>
    <t>【表頭】あなたの今の仕事についてお聞きします。以下のそれぞれの項目についてどの程度当てはまりますか。（回答は横の行ごとに1つずつ）※派遣労働者の方は、派遣先の会社での仕事についてお答えください。その他の方は、雇われて働いている会社での仕事についてお答えください。  家計をまかなえる賃金・処遇条件である</t>
  </si>
  <si>
    <t>ＱＲ１９　今の勤め先での仕事について  賃金・処遇が適切で納得性がある</t>
  </si>
  <si>
    <t>【表頭】あなたの今の仕事についてお聞きします。以下のそれぞれの項目についてどの程度当てはまりますか。（回答は横の行ごとに1つずつ）※派遣労働者の方は、派遣先の会社での仕事についてお答えください。その他の方は、雇われて働いている会社での仕事についてお答えください。  賃金・処遇が適切で納得性がある</t>
  </si>
  <si>
    <t>ＱＲ１９　今の勤め先での仕事について  肉体的疲労は感じない</t>
  </si>
  <si>
    <t>【表頭】あなたの今の仕事についてお聞きします。以下のそれぞれの項目についてどの程度当てはまりますか。（回答は横の行ごとに1つずつ）※派遣労働者の方は、派遣先の会社での仕事についてお答えください。その他の方は、雇われて働いている会社での仕事についてお答えください。  肉体的疲労は感じない</t>
  </si>
  <si>
    <t>ＱＲ１９　今の勤め先での仕事について  精神的に過度なストレスがない</t>
  </si>
  <si>
    <t>【表頭】あなたの今の仕事についてお聞きします。以下のそれぞれの項目についてどの程度当てはまりますか。（回答は横の行ごとに1つずつ）※派遣労働者の方は、派遣先の会社での仕事についてお答えください。その他の方は、雇われて働いている会社での仕事についてお答えください。  精神的に過度なストレスがない</t>
  </si>
  <si>
    <t>ＱＲ１９　今の勤め先での仕事について  職場の人間関係がよい</t>
  </si>
  <si>
    <t>【表頭】あなたの今の仕事についてお聞きします。以下のそれぞれの項目についてどの程度当てはまりますか。（回答は横の行ごとに1つずつ）※派遣労働者の方は、派遣先の会社での仕事についてお答えください。その他の方は、雇われて働いている会社での仕事についてお答えください。  職場の人間関係がよい</t>
  </si>
  <si>
    <t>ＱＲ１９　今の勤め先での仕事について  仕事と生活のバランスが適度にとれている</t>
  </si>
  <si>
    <t>【表頭】あなたの今の仕事についてお聞きします。以下のそれぞれの項目についてどの程度当てはまりますか。（回答は横の行ごとに1つずつ）※派遣労働者の方は、派遣先の会社での仕事についてお答えください。その他の方は、雇われて働いている会社での仕事についてお答えください。  仕事と生活のバランスが適度にとれている　</t>
  </si>
  <si>
    <t>＊ＱＲ１９　今の勤め先での仕事について（大分類）  仕事に働きがいを感じている</t>
  </si>
  <si>
    <t>＊ＱＲ１９　今の勤め先での仕事について（大分類）  自分の能力・専門性を十分に活かせている</t>
  </si>
  <si>
    <t>＊ＱＲ１９　今の勤め先での仕事について（大分類）  職業能力やキャリアを高めるための機会や支援がある</t>
  </si>
  <si>
    <t>＊ＱＲ１９　今の勤め先での仕事について（大分類）  一定の責任・裁量を与えられている</t>
  </si>
  <si>
    <t>＊ＱＲ１９　今の勤め先での仕事について（大分類）  家計をまかなえる賃金・処遇条件である</t>
  </si>
  <si>
    <t>＊ＱＲ１９　今の勤め先での仕事について（大分類）  賃金・処遇が適切で納得性がある</t>
  </si>
  <si>
    <t>＊ＱＲ１９　今の勤め先での仕事について（大分類）  肉体的疲労は感じない</t>
  </si>
  <si>
    <t>＊ＱＲ１９　今の勤め先での仕事について（大分類）  精神的に過度なストレスがない</t>
  </si>
  <si>
    <t>＊ＱＲ１９　今の勤め先での仕事について（大分類）  職場の人間関係がよい</t>
  </si>
  <si>
    <t>＊ＱＲ１９　今の勤め先での仕事について（大分類）  仕事と生活のバランスが適度にとれている</t>
  </si>
  <si>
    <t>ＱＲ２０　転職意向の程度</t>
  </si>
  <si>
    <t>【表頭】あなたは、今の勤め先の会社を変わりたいと思っていますか。（回答は1つ）※派遣労働者の方は、派遣先の会社についてお答えください。その他の方は、雇われて働いている会社についてお答えください。</t>
  </si>
  <si>
    <t>＊ＱＲ２０　転職意向の程度（大分類）</t>
  </si>
  <si>
    <t>ＱＲ２１　今の勤め先での仕事に対する満足度</t>
  </si>
  <si>
    <t>【表頭】あなたは、今の勤め先での仕事について、満足していますか。（回答は1つ）※派遣労働者の方は、派遣先の会社での仕事についてお答えください。その他の方は、雇われて働いている会社での仕事についてお答えください。</t>
  </si>
  <si>
    <t>＊ＱＲ２１　今の勤め先での仕事に対する満足度（大分類）</t>
  </si>
  <si>
    <t>ＱＲ２２　生活全般に対する満足度</t>
  </si>
  <si>
    <t>【表頭】あなたは生活全般について、満足していますか。（回答は1つ）</t>
  </si>
  <si>
    <t>＊ＱＲ２２　生活全般に対する満足度（大分類）</t>
  </si>
  <si>
    <t>ＱＲ２３　勤め先の労働組合の状況</t>
  </si>
  <si>
    <t>【表頭】あなたの勤め先に労働組合がありますか。（回答は1つ）※「勤め先」とは、派遣労働者の方は派遣元の会社を、その他の方は雇われて働いている会社を指します。●労働組合の状況などについてお答えください。</t>
  </si>
  <si>
    <t>ＱＲ２４　労働組合への加入状況</t>
  </si>
  <si>
    <t>【表頭】あなた自身は現在、労働組合に加入していますか。（回答は1つ）※「勤め先」とは、派遣労働者の方は派遣元の会社を、その他の方は雇われて働いている会社を指します。</t>
  </si>
  <si>
    <t>＊ＱＲ２４　労働組合への加入状況（大分類）</t>
  </si>
  <si>
    <t>ＱＲ２５　労働組合への加入意向［ベース：労働組合非加入者］</t>
  </si>
  <si>
    <t>【表頭】労働組合に加入する気持ちはありますか。（回答は1つ）Q24で「現在は加入していないが、過去に加入していた」「現在は加入していないし、過去にも加入したことはない」とお答えの方（現在労働組合に、加入していない方）におたずねします。</t>
  </si>
  <si>
    <t>ＱＲ２６　労働組合の必要性</t>
  </si>
  <si>
    <t>【表頭】あなたは、労働組合は必要だと思いますか。（回答は1つ）</t>
  </si>
  <si>
    <t>＊ＱＲ２６　労働組合の必要性（大分類）</t>
  </si>
  <si>
    <t>ＱＴ１　今年９月における所定労働時間の超過状況</t>
  </si>
  <si>
    <t>【表頭】あなたは今年9月の1か月間に、会社の業務で所定労働時間を超えて働きましたか。（回答は1つ）※1 残業手当の支払い対象であるか否かにかかわらず、実際に所定労働時間を超えて働いた時間についてお答えください（休日労働を含む）。※2 裁量労働制や事業場外みなし労働時間制などの場合は、月間のみなし労働時間を超えて働いた時間についてお答えください。●労働時間や労働時間管理についておうかがいします。</t>
  </si>
  <si>
    <t>ＱＴ２　今年９月における所定労働時間を超過した時間数［ベース：所定労働時間超過者］</t>
  </si>
  <si>
    <t>ＱＴ２　今年９月における所定労働時間を超過した時間数（大分類）［ベース：所定労働時間超過者］</t>
  </si>
  <si>
    <t>ＱＴ２　今年９月における所定労働時間を超過した時間数（大分類２）［ベース：所定労働時間超過者］</t>
  </si>
  <si>
    <t>ＱＴ２　今年９月における所定労働時間を超過した時間数（大分類３）［ベース：所定労働時間超過者］</t>
  </si>
  <si>
    <t>ＱＴ３　今年９月に所定労働時間を越えて働く際に感じたこと［ベース：所定労働時間超過者］</t>
  </si>
  <si>
    <t>【表頭】あなたは今年9月の1か月間に所定労働時間を超えて働く際に、どのように感じていましたか。最もあてはまると思うものを選んでください。（回答は1つ）</t>
  </si>
  <si>
    <t>ＱＴ４　今年９月に所定労働時間を越えて働いた理由＜Ｍ．Ａ＞［ベース：所定労働時間超過者］</t>
  </si>
  <si>
    <t>【表頭】あなたが今年9月の1か月間に所定労働時間を超えて働いた理由は何ですか。あてはまるものをすべて選んでください。（回答はいくつでも）</t>
  </si>
  <si>
    <t>＊ＱＴ４　今年９月に所定労働時間を越えて働いた理由（大分類）＜Ｍ．Ａ＞［ベース：所定労働時間超過者］</t>
  </si>
  <si>
    <t>ＱＴ５　残業手当の受給資格の有無</t>
  </si>
  <si>
    <t>【表頭】あなたは残業手当が支給される立場ですか。それとも管理監督者など残業手当が支給されない立場ですか。（回答は1つ）</t>
  </si>
  <si>
    <t>ＱＴ６　今年９月における残業手当未申告の状況［ベース：所定労働時間超過＆残業手当支給対象者］</t>
  </si>
  <si>
    <t>【表頭】あなたが今年9月の1か月間に会社の業務で所定労働時間を超えて働いた時間のうち、残業手当の支払い対象であるにもかかわらず、申告をしなかった時間はありますか。（回答は1つ）（注1）休日労働も所定労働時間を超えて働いた時間に含めてください。（注2）裁量労働制や事業場外みなし労働時間制などの場合は、月間のみなし労働時間を超えて働いた時間についてお答えください。Q32はQ27で「所定労働時間を超えて働いた」、Q31で「支給される立場である」とお答えの方におたずねします。</t>
  </si>
  <si>
    <t>＊ＱＴ６　今年９月における残業手当未申告の状況［ベース：残業手当支給対象者］</t>
  </si>
  <si>
    <t>ＱＴ７　今年９月における残業手当未申告の時間数［ベース：申告しなかった時間あり］</t>
  </si>
  <si>
    <t>ＱＴ８　今年９月に残業手当未申告の時間があった理由［ベース：申告しなかった時間あり］</t>
  </si>
  <si>
    <t>【表頭】あなたが今年9月の1か月間に会社の業務で所定労働時間を超えて働いた時間をそのとおりに申告しなかったのはなぜですか。次の中から選んでください。（回答は1つ）</t>
  </si>
  <si>
    <t>ＱＴ９　残業手当の申告時間を調整した理由［ベース：自身で申告時間調整者］</t>
  </si>
  <si>
    <t>【表頭】それはどのような理由からですか。次の中から最も近いものを選んでください。（回答は1つ）Q35はQ34で「申告する際に、自分自身で調整したから」とお答えの方におたずねします。</t>
  </si>
  <si>
    <t>＊ＱＴ９　残業手当の申告時間を調整した理由（大分類）［ベース：自身で申告時間調整者］</t>
  </si>
  <si>
    <t>ＱＴ１０　年次有給休暇の日数把握状況  現時点（１０月１日）の保有日数</t>
  </si>
  <si>
    <t>【表頭】あなたは、以下にあげる年次有給休暇（※）の日数について、それぞれ正確に把握していますか。（回答は横の行ごとに1つずつ）※「年度」とは、年次有給休暇を付与する基準単位となっている一年間のことです。●年次有給休暇の付与状況、取得状況についておうかがいします。　（※）休暇には、利用目的を問わず自由に利用できる年次有給休暇と、病気や介護、慶弔行事などの特定の事由が生じた場合に認められる特別休暇があります。Q36～37では、年次有給休暇に関してお答えください。  現時点（10月1日）の保有日数</t>
  </si>
  <si>
    <t>ＱＴ１０　年次有給休暇の日数把握状況  今年度新たに付与された日数</t>
  </si>
  <si>
    <t>【表頭】あなたは、以下にあげる年次有給休暇（※）の日数について、それぞれ正確に把握していますか。（回答は横の行ごとに1つずつ）※「年度」とは、年次有給休暇を付与する基準単位となっている一年間のことです。●年次有給休暇の付与状況、取得状況についておうかがいします。　（※）休暇には、利用目的を問わず自由に利用できる年次有給休暇と、病気や介護、慶弔行事などの特定の事由が生じた場合に認められる特別休暇があります。Q36～37では、年次有給休暇に関してお答えください。  今年度新たに付与された日数</t>
  </si>
  <si>
    <t>ＱＴ１０　年次有給休暇の日数把握状況  昨年度からの繰り越し日数</t>
  </si>
  <si>
    <t>【表頭】あなたは、以下にあげる年次有給休暇（※）の日数について、それぞれ正確に把握していますか。（回答は横の行ごとに1つずつ）※「年度」とは、年次有給休暇を付与する基準単位となっている一年間のことです。●年次有給休暇の付与状況、取得状況についておうかがいします。　（※）休暇には、利用目的を問わず自由に利用できる年次有給休暇と、病気や介護、慶弔行事などの特定の事由が生じた場合に認められる特別休暇があります。Q36～37では、年次有給休暇に関してお答えください。  昨年度からの繰り越し日数</t>
  </si>
  <si>
    <t>ＱＴ１１　昨年度付与された年次有給休暇の年度内の取得状況</t>
  </si>
  <si>
    <t>【表頭】昨年度の年次有給休暇の取得実績についてお聞きします。あなたは昨年度に付与された年次有給休暇（※）のうち、どの程度昨年度中に取得しましたか。（回答は1つ）※「年度」とは、年次有給休暇を付与する基準単位となっている一年間のことです。※一昨年度からの繰り越し日数はこの中には含みません。</t>
  </si>
  <si>
    <t>ＱＴ１２　交代勤務の有無</t>
  </si>
  <si>
    <t>【表頭】あなたは現在、交替勤務（複数の勤務時間帯が組ごとまたは労働者ごとに周期的に替わる形態）をしていますか。（回答は1つ）</t>
  </si>
  <si>
    <t>ＱＴ１３　深夜勤務の有無</t>
  </si>
  <si>
    <t>【表頭】所定労働時間における始終業時間が深夜の時間帯（午後10時～午前5時）にかかることがありますか。（回答は1つ）</t>
  </si>
  <si>
    <t>ＱＴ１４　労働時間制</t>
  </si>
  <si>
    <t>【表頭】あなたが該当する労働時間制は次のうちどれですか。（回答は1つ）</t>
  </si>
  <si>
    <t>ＱＴ１５　過去６ヶ月間における長時間労働を原因として体調を崩した経験</t>
  </si>
  <si>
    <t>【表頭】あなたは過去6か月間に、長時間労働が原因で体調を崩した経験がありますか。（回答は1つ）</t>
  </si>
  <si>
    <t>ＱＴ１６　上司による労働時間や仕事の管理の状況  実際の労働時間を把握している</t>
  </si>
  <si>
    <t>【表頭】あなたは現在の職場で上司による労働時間や仕事の管理について、次のようなことが行われていると思いますか。以下のそれぞれの項目についてあてはまるものを選んでください。（回答は横の行ごとに1つずつ）  上司はあなたの実際の労働時間を把握している</t>
  </si>
  <si>
    <t>ＱＴ１６　上司による労働時間や仕事の管理の状況  労働時間が過重にならないように業務量を調整している</t>
  </si>
  <si>
    <t>【表頭】あなたは現在の職場で上司による労働時間や仕事の管理について、次のようなことが行われていると思いますか。以下のそれぞれの項目についてあてはまるものを選んでください。（回答は横の行ごとに1つずつ）  上司はあなたの労働時間が過重にならないように業務量を調整している</t>
  </si>
  <si>
    <t>ＱＴ１６　上司による労働時間や仕事の管理の状況  仕事の進め方について明確な指示をしている</t>
  </si>
  <si>
    <t>【表頭】あなたは現在の職場で上司による労働時間や仕事の管理について、次のようなことが行われていると思いますか。以下のそれぞれの項目についてあてはまるものを選んでください。（回答は横の行ごとに1つずつ）  上司はあなたの仕事の進め方について明確な指示をしている</t>
  </si>
  <si>
    <t>ＱＴ１６　上司による労働時間や仕事の管理の状況  健康を気遣っている</t>
  </si>
  <si>
    <t>【表頭】あなたは現在の職場で上司による労働時間や仕事の管理について、次のようなことが行われていると思いますか。以下のそれぞれの項目についてあてはまるものを選んでください。（回答は横の行ごとに1つずつ）  上司はあなたの健康を気遣っている</t>
  </si>
  <si>
    <t>ＱＴ１６　上司による労働時間や仕事の管理の状況  有給休暇取得に積極的に働きかけている</t>
  </si>
  <si>
    <t>【表頭】あなたは現在の職場で上司による労働時間や仕事の管理について、次のようなことが行われていると思いますか。以下のそれぞれの項目についてあてはまるものを選んでください。（回答は横の行ごとに1つずつ）  上司はあなたが有給休暇を取得するように積極的に働きかけている</t>
  </si>
  <si>
    <t>ＱＴ１７　過去１年間のあなたの現在の職場での問題ある状況  長時間労働が日常的に行われている</t>
  </si>
  <si>
    <t>【表頭】過去1年間に、あなたの現在の職場において次のような問題のある状況があったと認識していますか。（回答は横の行ごとに1つずつ）  長時間労働が日常的に行われている</t>
  </si>
  <si>
    <t>ＱＴ１７　過去１年間のあなたの現在の職場での問題ある状況  休憩時間を取らせてもらえないことがよくある</t>
  </si>
  <si>
    <t>【表頭】過去1年間に、あなたの現在の職場において次のような問題のある状況があったと認識していますか。（回答は横の行ごとに1つずつ）  休憩時間を取らせてもらえないことがよくある※労基法の基準は勤務時間が6時間超の場合45分、8時間超の場合1時間の休憩</t>
  </si>
  <si>
    <t>ＱＴ１７　過去１年間のあなたの現在の職場での問題ある状況  あらかじめ定められた休日に休めない</t>
  </si>
  <si>
    <t>【表頭】過去1年間に、あなたの現在の職場において次のような問題のある状況があったと認識していますか。（回答は横の行ごとに1つずつ）  あらかじめ定められた休日に休めない</t>
  </si>
  <si>
    <t>ＱＴ１７　過去１年間のあなたの現在の職場での問題ある状況  仕事により心身の健康を害した人がいる</t>
  </si>
  <si>
    <t>【表頭】過去1年間に、あなたの現在の職場において次のような問題のある状況があったと認識していますか。（回答は横の行ごとに1つずつ）  仕事により心身の健康を害した人がいる</t>
  </si>
  <si>
    <t>ＱＴ１８　１週間あたりの在宅勤務・テレワークの日数  新型コロナウイルス問題が発生する前</t>
  </si>
  <si>
    <t>【表頭】在宅勤務・テレワークについておききします。あなたの1週間あたりの在宅勤務・テレワークの日数は、次の2つの時点で何日でしたか。（回答は横の行ごとに1つずつ）●在宅勤務・テレワークについておうかがいします。  新型コロナウイルス問題が発生する前の通常月の週あたり在宅勤務・テレワーク日数</t>
  </si>
  <si>
    <t>ＱＴ１８　１週間あたりの在宅勤務・テレワークの日数  2021年9月</t>
  </si>
  <si>
    <t>【表頭】在宅勤務・テレワークについておききします。あなたの1週間あたりの在宅勤務・テレワークの日数は、次の2つの時点で何日でしたか。（回答は横の行ごとに1つずつ）●在宅勤務・テレワークについておうかがいします。  2021年9月の週あたりの在宅勤務・テレワーク日数 </t>
  </si>
  <si>
    <t>＊ＱＴ１８　１週間あたりの在宅勤務・テレワークの日数（大分類）  新型コロナウイルス問題が発生する前</t>
  </si>
  <si>
    <t>＊ＱＴ１８　１週間あたりの在宅勤務・テレワークの日数（大分類）  2021年9月</t>
  </si>
  <si>
    <t>ＱＴ１９　職場での労働時間管理方法＜Ｍ．Ａ＞［ベース：在宅勤務・テレワーク実施者］  出勤した際の時間管理方法</t>
  </si>
  <si>
    <t>【表頭】あなたの職場では、どのような方法で労働時間を管理（把握）していますか。（回答は横の行ごとにいくつでも）Q44で1日～7日を選択した方におたずねします。  出勤した際の時間管理方法</t>
  </si>
  <si>
    <t>ＱＴ１９　職場での労働時間管理方法＜Ｍ．Ａ＞［ベース：在宅勤務・テレワーク実施者］  在宅勤務・テレワークをした際の時間管理方法</t>
  </si>
  <si>
    <t>【表頭】あなたの職場では、どのような方法で労働時間を管理（把握）していますか。（回答は横の行ごとにいくつでも）Q44で1日～7日を選択した方におたずねします。  在宅勤務・テレワークをした際の時間管理方法 </t>
  </si>
  <si>
    <t>＊ＱＴ１９　職場での労働時間管理方法［ベース：労働時間管理方法１つ］  出勤した際の時間管理方法</t>
  </si>
  <si>
    <t>＊ＱＴ１９　職場での労働時間管理方法［ベース：労働時間管理方法１つ］  在宅勤務・テレワークをした際の時間管理方法</t>
  </si>
  <si>
    <t>ＱＴ２０　職場での長時間労働是正のための取り組み＜Ｍ．Ａ＞</t>
  </si>
  <si>
    <t>【表頭】あなたの勤め先では、働き方改革関連法施行前（おおよそ3年前）と比べて、長時間労働是正のためにどのような取り組みが行われましたか。あてはまるものをすべて選んでください。（回答はいくつでも）●働き方改革関連法による労働時間の適正化についておうかがいします。※残業時間上限規制が大企業では2019年4月から、中小企業では2020月4月から施行されました。年次有給休暇の5日取得義務が2019年4月から施行されました。</t>
  </si>
  <si>
    <t>＊ＱＴ２０　職場での長時間労働是正のための取り組み［ベース：長時間労働是正のための取り組み１つ］</t>
  </si>
  <si>
    <t>ＱＴ２１　長時間労働是正の取り組みの成果  業務の生産性・効率性</t>
  </si>
  <si>
    <t>【表頭】あなたの勤め先では、働き方改革関連法施行前（おおよそ3年前）と比べて、長時間労働是正の取り組みの成果として、業務の生産性・効率性は向上したと思いますか。また、あなたの仕事の満足度と生活の満足度は改善しましたか。（回答は横の行ごとに1つずつ）  業務の生産性・効率性</t>
  </si>
  <si>
    <t>ＱＴ２１　長時間労働是正の取り組みの成果  あなたの仕事の満足度</t>
  </si>
  <si>
    <t>【表頭】あなたの勤め先では、働き方改革関連法施行前（おおよそ3年前）と比べて、長時間労働是正の取り組みの成果として、業務の生産性・効率性は向上したと思いますか。また、あなたの仕事の満足度と生活の満足度は改善しましたか。（回答は横の行ごとに1つずつ）  あなたの仕事の満足度 </t>
  </si>
  <si>
    <t>ＱＴ２１　長時間労働是正の取り組みの成果  あなたの生活の満足度</t>
  </si>
  <si>
    <t>【表頭】あなたの勤め先では、働き方改革関連法施行前（おおよそ3年前）と比べて、長時間労働是正の取り組みの成果として、業務の生産性・効率性は向上したと思いますか。また、あなたの仕事の満足度と生活の満足度は改善しましたか。（回答は横の行ごとに1つずつ）  あなたの生活の満足度</t>
  </si>
  <si>
    <t>ＱＴ２１　長時間労働是正の取り組みの成果  仕事と生活の調和（ワークライフバランス）</t>
  </si>
  <si>
    <t>【表頭】あなたの勤め先では、働き方改革関連法施行前（おおよそ3年前）と比べて、長時間労働是正の取り組みの成果として、業務の生産性・効率性は向上したと思いますか。また、あなたの仕事の満足度と生活の満足度は改善しましたか。（回答は横の行ごとに1つずつ）  仕事と生活の調和（ワークライフバランス）</t>
  </si>
  <si>
    <t>＊ＱＴ２１　長時間労働是正の取り組みの成果  業務の生産性・効率性</t>
  </si>
  <si>
    <t>＊ＱＴ２１　長時間労働是正の取り組みの成果  あなたの仕事の満足度</t>
  </si>
  <si>
    <t>＊ＱＴ２１　長時間労働是正の取り組みの成果  あなたの生活の満足度</t>
  </si>
  <si>
    <t>＊ＱＴ２１　長時間労働是正の取り組みの成果  仕事と生活の調和(ワークライフバランス)</t>
  </si>
  <si>
    <t>ＱＴ２２　同一労働同一賃金の取り組みについての会社からの説明</t>
  </si>
  <si>
    <t>【表頭】同一労働同一賃金の取り組みについて会社からの説明はありましたか。（回答は1つ）●働き方改革関連法の同一労働同一賃金（雇用形態間の不合理な待遇差の解消）についておうかがいします。※雇用形態間の不合理な待遇差の解消が大企業では2020年4月から、中小企業では2021年4月から施行されました。</t>
  </si>
  <si>
    <t>ＱＴ２３＿１　働き方改革関連法施行前比較した勤労意欲や処遇の変化  勤労意欲</t>
  </si>
  <si>
    <t>【表頭】あなたの勤め先では、働き方改革関連法施行前（おおよそ3年前）と比べて、あなたの勤労意欲や処遇はどのように変化しましたか。それぞれの項目について、あてはまるものを選んでください。（回答は横の行ごとに該当するものにチェックを入れてください）  勤労意欲</t>
  </si>
  <si>
    <t>ＱＴ２３＿１　働き方改革関連法施行前比較した勤労意欲や処遇の変化  基本給（時給）</t>
  </si>
  <si>
    <t>【表頭】あなたの勤め先では、働き方改革関連法施行前（おおよそ3年前）と比べて、あなたの勤労意欲や処遇はどのように変化しましたか。それぞれの項目について、あてはまるものを選んでください。（回答は横の行ごとに該当するものにチェックを入れてください）  基本給（時給）</t>
  </si>
  <si>
    <t>ＱＴ２３＿２　働き方改革関連法施行前比較した処遇の変化  手当（通勤手当・家族手当等）</t>
  </si>
  <si>
    <t>【表頭】あなたの勤め先では、働き方改革関連法施行前（おおよそ3年前）と比べて、あなたの処遇はどのように変化しましたか。それぞれの項目について、あてはまるものを選んでください。（回答は横の行ごとに該当するものにチェックを入れてください）※増加・新設・減少した処遇がそれぞれある場合には、全体として見た場合にあなたにとってどのように変化したかお答えください。  手当（通勤手当・家族手当等）</t>
  </si>
  <si>
    <t>ＱＴ２３＿２　働き方改革関連法施行前比較した処遇の変化  賞与・ボーナス</t>
  </si>
  <si>
    <t>【表頭】あなたの勤め先では、働き方改革関連法施行前（おおよそ3年前）と比べて、あなたの処遇はどのように変化しましたか。それぞれの項目について、あてはまるものを選んでください。（回答は横の行ごとに該当するものにチェックを入れてください）※増加・新設・減少した処遇がそれぞれある場合には、全体として見た場合にあなたにとってどのように変化したかお答えください。  賞与・ボーナス</t>
  </si>
  <si>
    <t>ＱＴ２３＿２　働き方改革関連法施行前比較した処遇の変化  福利厚生（住宅手当・社員寮等）</t>
  </si>
  <si>
    <t>【表頭】あなたの勤め先では、働き方改革関連法施行前（おおよそ3年前）と比べて、あなたの処遇はどのように変化しましたか。それぞれの項目について、あてはまるものを選んでください。（回答は横の行ごとに該当するものにチェックを入れてください）※増加・新設・減少した処遇がそれぞれある場合には、全体として見た場合にあなたにとってどのように変化したかお答えください。  福利厚生（住宅手当・社員寮等）</t>
  </si>
  <si>
    <t>ＱＴ２３＿２　働き方改革関連法施行前比較した処遇の変化  慶弔制度(慶弔金・慶弔休暇等）</t>
  </si>
  <si>
    <t>【表頭】あなたの勤め先では、働き方改革関連法施行前（おおよそ3年前）と比べて、あなたの処遇はどのように変化しましたか。それぞれの項目について、あてはまるものを選んでください。（回答は横の行ごとに該当するものにチェックを入れてください）※増加・新設・減少した処遇がそれぞれある場合には、全体として見た場合にあなたにとってどのように変化したかお答えください。  慶弔制度(慶弔金・慶弔休暇等）</t>
  </si>
  <si>
    <t>ＱＴ２３＿２　働き方改革関連法施行前比較した処遇の変化  教育訓練の機会</t>
  </si>
  <si>
    <t>【表頭】あなたの勤め先では、働き方改革関連法施行前（おおよそ3年前）と比べて、あなたの処遇はどのように変化しましたか。それぞれの項目について、あてはまるものを選んでください。（回答は横の行ごとに該当するものにチェックを入れてください）※増加・新設・減少した処遇がそれぞれある場合には、全体として見た場合にあなたにとってどのように変化したかお答えください。  教育訓練の機会</t>
  </si>
  <si>
    <t>ＱＴ２４　新型コロナウイルス感染症の雇用や収入の影響</t>
  </si>
  <si>
    <t>【表頭】新型コロナウイルス感染症に関連して、あなた自身について、雇用や収入に関わる影響はどの程度ありましたか。（回答は1つ）●新型コロナ感染症による影響についておうかがいします。</t>
  </si>
  <si>
    <t>＊ＱＴ２４　新型コロナウイルス感染症の雇用や収入の影響（大分類）</t>
  </si>
  <si>
    <t>ＱＴ２５　新型コロナウイルス感染症の雇用や収入の具体的な影響＜Ｍ．Ａ＞［ベース：影響あり］</t>
  </si>
  <si>
    <t>【表頭】新型コロナウイルス感染症に関連して、あなた自身への具体的な影響について、当てはまるものをすべて選んでください。（回答はいくつでも）Q50で、「大いに影響があった」「ある程度影響があった」とお答えの方におたずねします。</t>
  </si>
  <si>
    <t>ＱＴ２６　長期化する新型コロナウイルス感染症対応のために新たに取り組んだこと・取り組もうと考えていること＜Ｍ．Ａ＞</t>
  </si>
  <si>
    <t>【表頭】新型コロナウイルス感染症による影響の長期化に対応するために、あなたが新たに取り組んだこと、これから取り組もうと考えていることは何ですか。（回答はいくつでも）Q50で、「大いに影響があった」「ある程度影響があった」とお答えの方におたずねします。</t>
  </si>
  <si>
    <t>ＱＴ２７　もともと（通常月）の月収と比較した、直近の月収</t>
  </si>
  <si>
    <t>【表頭】新型コロナウイルス感染症の問題が発生する前の、もともと（通常月）の月収と比較して、あなたの直近の月収はどうなりましたか。（回答は1つ）</t>
  </si>
  <si>
    <t>＊ＱＴ２７　もともと（通常月）の月収と比較した、直近の月収（大分類）</t>
  </si>
  <si>
    <t>ＱＴ２８　ワクチン接種状況</t>
  </si>
  <si>
    <t>【表頭】ワクチン接種について、あなたの接種状況と考えを以下から選択してください。（回答は1つ）●新型コロナのワクチン接種に関する認識についておうかがいします。</t>
  </si>
  <si>
    <t>ＱＴ２９　接種したくない理由＜２Ｌ．Ａ＞［ベース：様子見で判断か接種したくない人］</t>
  </si>
  <si>
    <t>【表頭】ワクチン接種について、「様子を見て判断したい」、「接種したくない」と回答した理由について、次の中から当てはまるものを2つまで選んでください。（回答は2つまで）Q54で、「様子を見て判断したい」、「接種したくない」と回答した方におうかがいします。</t>
  </si>
  <si>
    <t>Ｆ７　最終学歴</t>
  </si>
  <si>
    <t>【表頭】あなたの最終学歴をお答えください。（回答は1つ）●あなたご自身についておうかがいします。</t>
  </si>
  <si>
    <t>＊Ｆ７　最終学歴（大分類）</t>
  </si>
  <si>
    <t>Ｆ６　結婚の状況</t>
  </si>
  <si>
    <t>【表頭】あなたはご結婚（事実婚含む）されていますか。（回答は1つ）</t>
  </si>
  <si>
    <t>Ｆ１６　生計を同一にしている家族＜Ｍ．Ａ＞</t>
  </si>
  <si>
    <t>【表頭】あなたが生計を同一にしている家族をすべてお答えください。（回答はいくつでも）</t>
  </si>
  <si>
    <t>Ｆ１７　末子年齢［ベース：子ども有］</t>
  </si>
  <si>
    <t>Ｆ１８　要介護家族の有無</t>
  </si>
  <si>
    <t>【表頭】現在、日常生活に介護を必要とする家族（配偶者の親を含みます）がいますか。（回答は1つ）</t>
  </si>
  <si>
    <t>Ｆ１５　世帯の生計支持者</t>
  </si>
  <si>
    <t>【表頭】現在、主としてあなたの世帯の生計を支えているのはどなたですか。（回答は1つ）</t>
  </si>
  <si>
    <t>＊Ｆ１５　世帯の生計支持者（大分類）</t>
  </si>
  <si>
    <t>Ｆ１０　本人以外の賃金収入の有無</t>
  </si>
  <si>
    <t>【表頭】あなたの世帯では現在、あなた以外に賃金収入を得ている方はいますか。（回答は1つ）</t>
  </si>
  <si>
    <t>Ｆ１１　賃金収入を得ている家族＜Ｍ．Ａ＞［ベース：賃金収入者あり］</t>
  </si>
  <si>
    <t>【表頭】現在、あなた以外で賃金収入を得ている方はどなたですか。（回答はいくつでも）Q62で「いる」とお答えの方におたずねします。</t>
  </si>
  <si>
    <t>Ｆ１２　配偶者の就業形態［ベース：配偶者労働者］</t>
  </si>
  <si>
    <t>【表頭】あなたの配偶者（事実婚の相手を含む）の現在の就業形態についてお答えください。（回答は1つ）※勤め先での一時休業や産前・産後の休暇、育児休業、介護休業などで仕事を一時的に休んでいる場合は、休業・休暇の前の就業形態をお答えください。Q63で「あなたの配偶者」とお答えの方におたずねします。</t>
  </si>
  <si>
    <t>＊Ｆ１２　配偶者の就業形態（大分類）［ベース：配偶者労働者］</t>
  </si>
  <si>
    <t>＊Ｆ１２　配偶者の就業形態（中分類）［ベース：配偶者労働者］</t>
  </si>
  <si>
    <t>Ｆ２０　勤め先の従業員規模</t>
  </si>
  <si>
    <t>【表頭】あなたの勤め先の企業全体の従業員規模をお答えください。（回答は1つ）※派遣労働者の方は、派遣先の会社についてお答えください。その他の方は、雇われて働いている会社についてお答えください。</t>
  </si>
  <si>
    <t>＊Ｆ２０　勤め先の従業員規模（大分類）</t>
  </si>
  <si>
    <t>＊Ｆ２０　勤め先の従業員規模（中分類）</t>
  </si>
  <si>
    <t>Ｆ２１　職種</t>
  </si>
  <si>
    <t>【表頭】あなたの勤め先で、あなたが現在従事している主な職種をお答えください。（回答は1つ）※派遣労働者の方は、派遣先の会社での職種についてお答えください。その他の方は、雇われて働いている会社での職種についてお答えください。※回答にあたっては、下の《職種分類の例》を参考にお答えください。※勤め先での一時休業や産前・産後の休暇、育児休業、介護休業などで仕事を一時的に休んでいる方は、休業・休暇の前の職種をお答えください。</t>
  </si>
  <si>
    <t>＊Ｆ２１　職種（大分類）</t>
  </si>
  <si>
    <t>Ｆ２２　現在の勤め先での勤続年数</t>
  </si>
  <si>
    <t>Ｆ８　一週間あたりの平均実労働時間</t>
  </si>
  <si>
    <t>【表頭】あなたが仕事をしている時間（実際に働いている時間）についてお聞きします。先月の1週間あたりのおおよその実労働時間（含む残業）をお答えください。（回答は1つ）</t>
  </si>
  <si>
    <t>＊Ｆ８　一週間あたりの平均実労働時間（中分類）</t>
  </si>
  <si>
    <t>＊Ｆ８　一週間あたりの平均実労働時間（大分類１）</t>
  </si>
  <si>
    <t>＊Ｆ８　一週間あたりの平均実労働時間（大分類２）</t>
  </si>
  <si>
    <t>Ｆ９　過去１年間の賃金年収（税込）  過去１年間のご自身の賃金年収（税込）</t>
  </si>
  <si>
    <t>【表頭】あなたご自身の過去1年間のおおよその賃金年収（税込）と、あなたの世帯全体（配偶者等の収入を含む）の過去1年間の年収（税込）をお答えください。（回答は横の行ごとに1つずつ）※世帯全体の年収については、退職金や土地の売却代金など一時的な収入は除き、年金は含めてください。  過去1年間のご自身の賃金年収（税込）</t>
  </si>
  <si>
    <t>Ｆ９　過去１年間の賃金年収（税込）  過去１年間の世帯全体の年収（税込）</t>
  </si>
  <si>
    <t>【表頭】あなたご自身の過去1年間のおおよその賃金年収（税込）と、あなたの世帯全体（配偶者等の収入を含む）の過去1年間の年収（税込）をお答えください。（回答は横の行ごとに1つずつ）※世帯全体の年収については、退職金や土地の売却代金など一時的な収入は除き、年金は含めてください。  過去1年間の世帯全体の年収（税込）</t>
  </si>
  <si>
    <t>＊Ｆ９　過去１年間の賃金年収（税込）（大分類）</t>
  </si>
  <si>
    <t>＊Ｆ９　過去１年間の世帯年収（税込）（大分類）</t>
  </si>
  <si>
    <t>Ｆ１３　世帯の貯蓄額</t>
  </si>
  <si>
    <t>【表頭】現在、あなたの世帯における蓄え（預金や有価証券などの合計）はおおよそどれくらいですか。（回答は1つ）</t>
  </si>
  <si>
    <t>Ｆ１４　ローンの状況＜Ｍ．Ａ＞</t>
  </si>
  <si>
    <t>【表頭】現在、あなたやあなたの世帯には、以下のローンがありますか。（回答はいくつでも）</t>
  </si>
  <si>
    <t>＊Ｆ１４　ローンの状況（大分類）</t>
  </si>
  <si>
    <t>Ｆ１９　内閣の支持状況</t>
  </si>
  <si>
    <t>【表頭】あなたは現在の内閣を支持しますか。（回答は1つ）</t>
  </si>
  <si>
    <t xml:space="preserve">  </t>
  </si>
  <si>
    <t>（前表からのつづき） Ｆ３　居住地</t>
    <phoneticPr fontId="2"/>
  </si>
  <si>
    <t>n=</t>
    <phoneticPr fontId="2"/>
  </si>
  <si>
    <t xml:space="preserve">
男性</t>
    <phoneticPr fontId="2"/>
  </si>
  <si>
    <t xml:space="preserve">
女性</t>
    <phoneticPr fontId="2"/>
  </si>
  <si>
    <t xml:space="preserve"> (%)</t>
  </si>
  <si>
    <t xml:space="preserve">
２０代</t>
    <phoneticPr fontId="2"/>
  </si>
  <si>
    <t xml:space="preserve">
３０代</t>
    <phoneticPr fontId="2"/>
  </si>
  <si>
    <t xml:space="preserve">
４０代</t>
    <phoneticPr fontId="2"/>
  </si>
  <si>
    <t xml:space="preserve">
５０代</t>
    <phoneticPr fontId="2"/>
  </si>
  <si>
    <t xml:space="preserve">
６０代前半</t>
    <phoneticPr fontId="2"/>
  </si>
  <si>
    <t xml:space="preserve">
平均値</t>
    <phoneticPr fontId="2"/>
  </si>
  <si>
    <t xml:space="preserve">
中央値</t>
    <phoneticPr fontId="2"/>
  </si>
  <si>
    <t xml:space="preserve">
２０代前半</t>
    <phoneticPr fontId="2"/>
  </si>
  <si>
    <t xml:space="preserve">
２０代後半</t>
    <phoneticPr fontId="2"/>
  </si>
  <si>
    <t xml:space="preserve">
３０代前半</t>
    <phoneticPr fontId="2"/>
  </si>
  <si>
    <t xml:space="preserve">
３０代後半</t>
    <phoneticPr fontId="2"/>
  </si>
  <si>
    <t xml:space="preserve">
４０代前半</t>
    <phoneticPr fontId="2"/>
  </si>
  <si>
    <t xml:space="preserve">
４０代後半</t>
    <phoneticPr fontId="2"/>
  </si>
  <si>
    <t xml:space="preserve">
５０代前半</t>
    <phoneticPr fontId="2"/>
  </si>
  <si>
    <t xml:space="preserve">
５０代後半</t>
    <phoneticPr fontId="2"/>
  </si>
  <si>
    <t xml:space="preserve">
２０～５９歳</t>
    <phoneticPr fontId="2"/>
  </si>
  <si>
    <t xml:space="preserve">
６０～６４歳</t>
    <phoneticPr fontId="2"/>
  </si>
  <si>
    <t xml:space="preserve">
２０～５４歳</t>
    <phoneticPr fontId="2"/>
  </si>
  <si>
    <t xml:space="preserve">
５５～６４歳</t>
    <phoneticPr fontId="2"/>
  </si>
  <si>
    <t xml:space="preserve">
北海道</t>
    <phoneticPr fontId="2"/>
  </si>
  <si>
    <t xml:space="preserve">
青森県</t>
    <phoneticPr fontId="2"/>
  </si>
  <si>
    <t xml:space="preserve">
岩手県</t>
    <phoneticPr fontId="2"/>
  </si>
  <si>
    <t xml:space="preserve">
宮城県</t>
    <phoneticPr fontId="2"/>
  </si>
  <si>
    <t xml:space="preserve">
秋田県</t>
    <phoneticPr fontId="2"/>
  </si>
  <si>
    <t xml:space="preserve">
山形県</t>
    <phoneticPr fontId="2"/>
  </si>
  <si>
    <t xml:space="preserve">
福島県</t>
    <phoneticPr fontId="2"/>
  </si>
  <si>
    <t xml:space="preserve">
茨城県</t>
    <phoneticPr fontId="2"/>
  </si>
  <si>
    <t xml:space="preserve">
栃木県</t>
    <phoneticPr fontId="2"/>
  </si>
  <si>
    <t xml:space="preserve">
群馬県</t>
    <phoneticPr fontId="2"/>
  </si>
  <si>
    <t xml:space="preserve">
埼玉県</t>
    <phoneticPr fontId="2"/>
  </si>
  <si>
    <t xml:space="preserve">
千葉県</t>
    <phoneticPr fontId="2"/>
  </si>
  <si>
    <t xml:space="preserve">
東京都</t>
    <phoneticPr fontId="2"/>
  </si>
  <si>
    <t xml:space="preserve">
神奈川県</t>
    <phoneticPr fontId="2"/>
  </si>
  <si>
    <t xml:space="preserve">
新潟県</t>
    <phoneticPr fontId="2"/>
  </si>
  <si>
    <t xml:space="preserve">
富山県</t>
    <phoneticPr fontId="2"/>
  </si>
  <si>
    <t xml:space="preserve">
石川県</t>
    <phoneticPr fontId="2"/>
  </si>
  <si>
    <t xml:space="preserve">
福井県</t>
    <phoneticPr fontId="2"/>
  </si>
  <si>
    <t xml:space="preserve">
山梨県</t>
    <phoneticPr fontId="2"/>
  </si>
  <si>
    <t xml:space="preserve">
長野県</t>
    <phoneticPr fontId="2"/>
  </si>
  <si>
    <t xml:space="preserve">
岐阜県</t>
    <phoneticPr fontId="2"/>
  </si>
  <si>
    <t xml:space="preserve">
静岡県</t>
    <phoneticPr fontId="2"/>
  </si>
  <si>
    <t xml:space="preserve">
愛知県</t>
    <phoneticPr fontId="2"/>
  </si>
  <si>
    <t xml:space="preserve">
三重県</t>
    <phoneticPr fontId="2"/>
  </si>
  <si>
    <t xml:space="preserve">
滋賀県</t>
    <phoneticPr fontId="2"/>
  </si>
  <si>
    <t xml:space="preserve">
京都府</t>
    <phoneticPr fontId="2"/>
  </si>
  <si>
    <t xml:space="preserve">
大阪府</t>
    <phoneticPr fontId="2"/>
  </si>
  <si>
    <t xml:space="preserve">
兵庫県</t>
    <phoneticPr fontId="2"/>
  </si>
  <si>
    <t xml:space="preserve">
奈良県</t>
    <phoneticPr fontId="2"/>
  </si>
  <si>
    <t xml:space="preserve">
和歌山県</t>
    <phoneticPr fontId="2"/>
  </si>
  <si>
    <t xml:space="preserve">
鳥取県</t>
    <phoneticPr fontId="2"/>
  </si>
  <si>
    <t xml:space="preserve">
島根県</t>
    <phoneticPr fontId="2"/>
  </si>
  <si>
    <t xml:space="preserve">
岡山県</t>
    <phoneticPr fontId="2"/>
  </si>
  <si>
    <t xml:space="preserve">
広島県</t>
    <phoneticPr fontId="2"/>
  </si>
  <si>
    <t xml:space="preserve">
山口県</t>
    <phoneticPr fontId="2"/>
  </si>
  <si>
    <t xml:space="preserve">
徳島県</t>
    <phoneticPr fontId="2"/>
  </si>
  <si>
    <t xml:space="preserve">
香川県</t>
    <phoneticPr fontId="2"/>
  </si>
  <si>
    <t xml:space="preserve">
愛媛県</t>
    <phoneticPr fontId="2"/>
  </si>
  <si>
    <t xml:space="preserve">
高知県</t>
    <phoneticPr fontId="2"/>
  </si>
  <si>
    <t xml:space="preserve">
福岡県</t>
    <phoneticPr fontId="2"/>
  </si>
  <si>
    <t xml:space="preserve">
佐賀県</t>
    <phoneticPr fontId="2"/>
  </si>
  <si>
    <t xml:space="preserve">
長崎県</t>
    <phoneticPr fontId="2"/>
  </si>
  <si>
    <t xml:space="preserve">
熊本県</t>
    <phoneticPr fontId="2"/>
  </si>
  <si>
    <t xml:space="preserve">
大分県</t>
    <phoneticPr fontId="2"/>
  </si>
  <si>
    <t xml:space="preserve">
宮崎県</t>
    <phoneticPr fontId="2"/>
  </si>
  <si>
    <t xml:space="preserve">
鹿児島県</t>
    <phoneticPr fontId="2"/>
  </si>
  <si>
    <t xml:space="preserve">
沖縄県</t>
    <phoneticPr fontId="2"/>
  </si>
  <si>
    <t xml:space="preserve">
東北</t>
    <phoneticPr fontId="2"/>
  </si>
  <si>
    <t xml:space="preserve">
北関東</t>
    <phoneticPr fontId="2"/>
  </si>
  <si>
    <t xml:space="preserve">
首都圏</t>
    <phoneticPr fontId="2"/>
  </si>
  <si>
    <t xml:space="preserve">
中部</t>
    <phoneticPr fontId="2"/>
  </si>
  <si>
    <t xml:space="preserve">
関西圏</t>
    <phoneticPr fontId="2"/>
  </si>
  <si>
    <t xml:space="preserve">
中国</t>
    <phoneticPr fontId="2"/>
  </si>
  <si>
    <t xml:space="preserve">
四国</t>
    <phoneticPr fontId="2"/>
  </si>
  <si>
    <t xml:space="preserve">
九州</t>
    <phoneticPr fontId="2"/>
  </si>
  <si>
    <t xml:space="preserve">
首都圏・関西圏</t>
    <phoneticPr fontId="2"/>
  </si>
  <si>
    <t xml:space="preserve">
それ以外の地域</t>
    <phoneticPr fontId="2"/>
  </si>
  <si>
    <t xml:space="preserve">
正社員（役員を除く）</t>
    <phoneticPr fontId="2"/>
  </si>
  <si>
    <t xml:space="preserve">
パートタイマー</t>
    <phoneticPr fontId="2"/>
  </si>
  <si>
    <t xml:space="preserve">
アルバイト</t>
    <phoneticPr fontId="2"/>
  </si>
  <si>
    <t xml:space="preserve">
契約社員</t>
    <phoneticPr fontId="2"/>
  </si>
  <si>
    <t xml:space="preserve">
派遣労働者</t>
    <phoneticPr fontId="2"/>
  </si>
  <si>
    <t xml:space="preserve">
嘱託</t>
    <phoneticPr fontId="2"/>
  </si>
  <si>
    <t xml:space="preserve">
会社役員</t>
    <phoneticPr fontId="2"/>
  </si>
  <si>
    <t xml:space="preserve">
自営業・内職</t>
    <phoneticPr fontId="2"/>
  </si>
  <si>
    <t xml:space="preserve">
家業の手伝い</t>
    <phoneticPr fontId="2"/>
  </si>
  <si>
    <t xml:space="preserve">
その他</t>
    <phoneticPr fontId="2"/>
  </si>
  <si>
    <t xml:space="preserve">
働いていない</t>
    <phoneticPr fontId="2"/>
  </si>
  <si>
    <t xml:space="preserve">
正社員計</t>
    <phoneticPr fontId="2"/>
  </si>
  <si>
    <t xml:space="preserve">
非正社員計</t>
    <phoneticPr fontId="2"/>
  </si>
  <si>
    <t xml:space="preserve">
パート・アルバイト</t>
    <phoneticPr fontId="2"/>
  </si>
  <si>
    <t xml:space="preserve">
契約社員・嘱託社員</t>
    <phoneticPr fontId="2"/>
  </si>
  <si>
    <t xml:space="preserve">
期間の定めはない（定年までの雇用を含む）</t>
    <phoneticPr fontId="2"/>
  </si>
  <si>
    <t xml:space="preserve">
１か月未満</t>
    <phoneticPr fontId="2"/>
  </si>
  <si>
    <t xml:space="preserve">
１か月以上６か月以下</t>
    <phoneticPr fontId="2"/>
  </si>
  <si>
    <t xml:space="preserve">
６か月超１年以下</t>
    <phoneticPr fontId="2"/>
  </si>
  <si>
    <t xml:space="preserve">
１年超３年以下</t>
    <phoneticPr fontId="2"/>
  </si>
  <si>
    <t xml:space="preserve">
３年超５年以下</t>
    <phoneticPr fontId="2"/>
  </si>
  <si>
    <t xml:space="preserve">
５年超</t>
    <phoneticPr fontId="2"/>
  </si>
  <si>
    <t xml:space="preserve">
わからない</t>
    <phoneticPr fontId="2"/>
  </si>
  <si>
    <t xml:space="preserve">
１か月以上１年以下</t>
    <phoneticPr fontId="2"/>
  </si>
  <si>
    <t xml:space="preserve">
１年超５年以下</t>
    <phoneticPr fontId="2"/>
  </si>
  <si>
    <t xml:space="preserve">
１年以下</t>
    <phoneticPr fontId="2"/>
  </si>
  <si>
    <t xml:space="preserve">
１年超</t>
    <phoneticPr fontId="2"/>
  </si>
  <si>
    <t xml:space="preserve">
建設業</t>
    <phoneticPr fontId="2"/>
  </si>
  <si>
    <t xml:space="preserve">
製造業</t>
    <phoneticPr fontId="2"/>
  </si>
  <si>
    <t xml:space="preserve">
電気・ガス・熱供給・水道業</t>
    <phoneticPr fontId="2"/>
  </si>
  <si>
    <t xml:space="preserve">
情報通信業</t>
    <phoneticPr fontId="2"/>
  </si>
  <si>
    <t xml:space="preserve">
運輸業</t>
    <phoneticPr fontId="2"/>
  </si>
  <si>
    <t xml:space="preserve">
卸売・小売業</t>
    <phoneticPr fontId="2"/>
  </si>
  <si>
    <t xml:space="preserve">
金融・保険業</t>
    <phoneticPr fontId="2"/>
  </si>
  <si>
    <t xml:space="preserve">
不動産業</t>
    <phoneticPr fontId="2"/>
  </si>
  <si>
    <t xml:space="preserve">
飲食店、宿泊業</t>
    <phoneticPr fontId="2"/>
  </si>
  <si>
    <t xml:space="preserve">
医療、福祉</t>
    <phoneticPr fontId="2"/>
  </si>
  <si>
    <t xml:space="preserve">
教育、学習支援業</t>
    <phoneticPr fontId="2"/>
  </si>
  <si>
    <t xml:space="preserve">
郵便局・協同組合</t>
    <phoneticPr fontId="2"/>
  </si>
  <si>
    <t xml:space="preserve">
サービス業</t>
    <phoneticPr fontId="2"/>
  </si>
  <si>
    <t xml:space="preserve">
公務等</t>
    <phoneticPr fontId="2"/>
  </si>
  <si>
    <t xml:space="preserve">
その他の業種</t>
    <phoneticPr fontId="2"/>
  </si>
  <si>
    <t xml:space="preserve">
運輸・情報通信業</t>
    <phoneticPr fontId="2"/>
  </si>
  <si>
    <t xml:space="preserve">
卸売・小売業・飲食店・宿泊業</t>
    <phoneticPr fontId="2"/>
  </si>
  <si>
    <t xml:space="preserve">
金融・保険業・不動産業</t>
    <phoneticPr fontId="2"/>
  </si>
  <si>
    <t xml:space="preserve">
その他サービス業</t>
    <phoneticPr fontId="2"/>
  </si>
  <si>
    <t xml:space="preserve">
非製造業</t>
    <phoneticPr fontId="2"/>
  </si>
  <si>
    <t xml:space="preserve">
今と同じ勤め先で、正社員として働いていた</t>
    <phoneticPr fontId="2"/>
  </si>
  <si>
    <t xml:space="preserve">
今と同じ勤め先で、非正社員として働いていた</t>
    <phoneticPr fontId="2"/>
  </si>
  <si>
    <t xml:space="preserve">
今とは違う勤め先で、正社員として働いていた</t>
    <phoneticPr fontId="2"/>
  </si>
  <si>
    <t xml:space="preserve">
今とは違う勤め先で、非正社員として働いていた</t>
    <phoneticPr fontId="2"/>
  </si>
  <si>
    <t xml:space="preserve">
上記以外の働き方で働いていた</t>
    <phoneticPr fontId="2"/>
  </si>
  <si>
    <t xml:space="preserve">
働いていなかった</t>
    <phoneticPr fontId="2"/>
  </si>
  <si>
    <t xml:space="preserve">
同じ勤め先にいた</t>
    <phoneticPr fontId="2"/>
  </si>
  <si>
    <t xml:space="preserve">
別の勤め先にいた</t>
    <phoneticPr fontId="2"/>
  </si>
  <si>
    <t xml:space="preserve">
非雇用者</t>
    <phoneticPr fontId="2"/>
  </si>
  <si>
    <t xml:space="preserve">
無就業</t>
    <phoneticPr fontId="2"/>
  </si>
  <si>
    <t xml:space="preserve">
１年前正社員</t>
    <phoneticPr fontId="2"/>
  </si>
  <si>
    <t xml:space="preserve">
１年前非正社員</t>
    <phoneticPr fontId="2"/>
  </si>
  <si>
    <t xml:space="preserve">
働いていた</t>
    <phoneticPr fontId="2"/>
  </si>
  <si>
    <t xml:space="preserve">
無就業・わからない</t>
    <phoneticPr fontId="2"/>
  </si>
  <si>
    <t xml:space="preserve">
かなり良くなった(100)</t>
    <phoneticPr fontId="2"/>
  </si>
  <si>
    <t xml:space="preserve">
やや良くなった(50)</t>
    <phoneticPr fontId="2"/>
  </si>
  <si>
    <t xml:space="preserve">
変わらない(0)</t>
    <phoneticPr fontId="2"/>
  </si>
  <si>
    <t xml:space="preserve">
やや悪くなった(-50)</t>
    <phoneticPr fontId="2"/>
  </si>
  <si>
    <t xml:space="preserve">
かなり悪くなった(-100)</t>
    <phoneticPr fontId="2"/>
  </si>
  <si>
    <t xml:space="preserve">
良くなった</t>
    <phoneticPr fontId="2"/>
  </si>
  <si>
    <t xml:space="preserve">
変わらない</t>
    <phoneticPr fontId="2"/>
  </si>
  <si>
    <t xml:space="preserve">
悪くなった</t>
    <phoneticPr fontId="2"/>
  </si>
  <si>
    <t xml:space="preserve">
かなり良くなる(100)</t>
    <phoneticPr fontId="2"/>
  </si>
  <si>
    <t xml:space="preserve">
やや良くなる(50)</t>
    <phoneticPr fontId="2"/>
  </si>
  <si>
    <t xml:space="preserve">
やや悪くなる(-50)</t>
    <phoneticPr fontId="2"/>
  </si>
  <si>
    <t xml:space="preserve">
かなり悪くなる(-100)</t>
    <phoneticPr fontId="2"/>
  </si>
  <si>
    <t xml:space="preserve">
良くなる</t>
    <phoneticPr fontId="2"/>
  </si>
  <si>
    <t xml:space="preserve">
悪くなる</t>
    <phoneticPr fontId="2"/>
  </si>
  <si>
    <t xml:space="preserve">
かなり増えた(100)</t>
    <phoneticPr fontId="2"/>
  </si>
  <si>
    <t xml:space="preserve">
やや増えた(50)</t>
    <phoneticPr fontId="2"/>
  </si>
  <si>
    <t xml:space="preserve">
やや減った(-50)</t>
    <phoneticPr fontId="2"/>
  </si>
  <si>
    <t xml:space="preserve">
かなり減った(-100)</t>
    <phoneticPr fontId="2"/>
  </si>
  <si>
    <t xml:space="preserve">
増えた</t>
    <phoneticPr fontId="2"/>
  </si>
  <si>
    <t xml:space="preserve">
減った</t>
    <phoneticPr fontId="2"/>
  </si>
  <si>
    <t xml:space="preserve">
かなり感じる</t>
    <phoneticPr fontId="2"/>
  </si>
  <si>
    <t xml:space="preserve">
やや感じる</t>
    <phoneticPr fontId="2"/>
  </si>
  <si>
    <t xml:space="preserve">
あまり感じない</t>
    <phoneticPr fontId="2"/>
  </si>
  <si>
    <t xml:space="preserve">
ほとんど感じない</t>
    <phoneticPr fontId="2"/>
  </si>
  <si>
    <t xml:space="preserve">
失業不安感じる</t>
    <phoneticPr fontId="2"/>
  </si>
  <si>
    <t xml:space="preserve">
失業不安感じない</t>
    <phoneticPr fontId="2"/>
  </si>
  <si>
    <t xml:space="preserve">
かなり増える(100)</t>
    <phoneticPr fontId="2"/>
  </si>
  <si>
    <t xml:space="preserve">
やや増える(50)</t>
    <phoneticPr fontId="2"/>
  </si>
  <si>
    <t xml:space="preserve">
やや減る(-50)</t>
    <phoneticPr fontId="2"/>
  </si>
  <si>
    <t xml:space="preserve">
かなり減る(-100)</t>
    <phoneticPr fontId="2"/>
  </si>
  <si>
    <t xml:space="preserve">
増える</t>
    <phoneticPr fontId="2"/>
  </si>
  <si>
    <t xml:space="preserve">
減る</t>
    <phoneticPr fontId="2"/>
  </si>
  <si>
    <t xml:space="preserve">
かなり上がった(100)</t>
    <phoneticPr fontId="2"/>
  </si>
  <si>
    <t xml:space="preserve">
やや上がった(50)</t>
    <phoneticPr fontId="2"/>
  </si>
  <si>
    <t xml:space="preserve">
やや下がった(-50)</t>
    <phoneticPr fontId="2"/>
  </si>
  <si>
    <t xml:space="preserve">
かなり下がった(-100)</t>
    <phoneticPr fontId="2"/>
  </si>
  <si>
    <t xml:space="preserve">
上がった</t>
    <phoneticPr fontId="2"/>
  </si>
  <si>
    <t xml:space="preserve">
下がった</t>
    <phoneticPr fontId="2"/>
  </si>
  <si>
    <t xml:space="preserve">
かなり上がる(100)</t>
    <phoneticPr fontId="2"/>
  </si>
  <si>
    <t xml:space="preserve">
やや上がる(50)</t>
    <phoneticPr fontId="2"/>
  </si>
  <si>
    <t xml:space="preserve">
やや下がる(-50)</t>
    <phoneticPr fontId="2"/>
  </si>
  <si>
    <t xml:space="preserve">
かなり下がる(-100)</t>
    <phoneticPr fontId="2"/>
  </si>
  <si>
    <t xml:space="preserve">
上がる</t>
    <phoneticPr fontId="2"/>
  </si>
  <si>
    <t xml:space="preserve">
下がる</t>
    <phoneticPr fontId="2"/>
  </si>
  <si>
    <t xml:space="preserve">
当てはまる(100)</t>
    <phoneticPr fontId="2"/>
  </si>
  <si>
    <t xml:space="preserve">
どちらかというと当てはまる(50)</t>
    <phoneticPr fontId="2"/>
  </si>
  <si>
    <t xml:space="preserve">
どちらかというと当てはまらない(-50)</t>
    <phoneticPr fontId="2"/>
  </si>
  <si>
    <t xml:space="preserve">
当てはまらない(-100)</t>
    <phoneticPr fontId="2"/>
  </si>
  <si>
    <t xml:space="preserve">
当てはまる</t>
    <phoneticPr fontId="2"/>
  </si>
  <si>
    <t xml:space="preserve">
当てはまらない</t>
    <phoneticPr fontId="2"/>
  </si>
  <si>
    <t xml:space="preserve">
すぐにでも変わりたい</t>
    <phoneticPr fontId="2"/>
  </si>
  <si>
    <t xml:space="preserve">
いずれは変わりたい</t>
    <phoneticPr fontId="2"/>
  </si>
  <si>
    <t xml:space="preserve">
変わるつもりはない</t>
    <phoneticPr fontId="2"/>
  </si>
  <si>
    <t xml:space="preserve">
変わりたい</t>
    <phoneticPr fontId="2"/>
  </si>
  <si>
    <t xml:space="preserve">
かなり満足</t>
    <phoneticPr fontId="2"/>
  </si>
  <si>
    <t xml:space="preserve">
やや満足</t>
    <phoneticPr fontId="2"/>
  </si>
  <si>
    <t xml:space="preserve">
どちらともいえない</t>
    <phoneticPr fontId="2"/>
  </si>
  <si>
    <t xml:space="preserve">
やや不満</t>
    <phoneticPr fontId="2"/>
  </si>
  <si>
    <t xml:space="preserve">
かなり不満</t>
    <phoneticPr fontId="2"/>
  </si>
  <si>
    <t xml:space="preserve">
満足</t>
    <phoneticPr fontId="2"/>
  </si>
  <si>
    <t xml:space="preserve">
不満</t>
    <phoneticPr fontId="2"/>
  </si>
  <si>
    <t xml:space="preserve">
労働組合がある</t>
    <phoneticPr fontId="2"/>
  </si>
  <si>
    <t xml:space="preserve">
労働組合がない</t>
    <phoneticPr fontId="2"/>
  </si>
  <si>
    <t xml:space="preserve">
労働組合があるかどうかわからない</t>
    <phoneticPr fontId="2"/>
  </si>
  <si>
    <t xml:space="preserve">
勤め先にある労働組合に加入している</t>
    <phoneticPr fontId="2"/>
  </si>
  <si>
    <t xml:space="preserve">
勤め先以外の労働組合に加入している</t>
    <phoneticPr fontId="2"/>
  </si>
  <si>
    <t xml:space="preserve">
現在は加入していないが、過去に加入していた</t>
    <phoneticPr fontId="2"/>
  </si>
  <si>
    <t xml:space="preserve">
加入したことがない</t>
    <phoneticPr fontId="2"/>
  </si>
  <si>
    <t xml:space="preserve">
労組加入</t>
    <phoneticPr fontId="2"/>
  </si>
  <si>
    <t xml:space="preserve">
労組非加入</t>
    <phoneticPr fontId="2"/>
  </si>
  <si>
    <t xml:space="preserve">
加入したい（または加入予定がある）</t>
    <phoneticPr fontId="2"/>
  </si>
  <si>
    <t xml:space="preserve">
声をかけられたら、加入してもよい</t>
    <phoneticPr fontId="2"/>
  </si>
  <si>
    <t xml:space="preserve">
加入したくない</t>
    <phoneticPr fontId="2"/>
  </si>
  <si>
    <t xml:space="preserve">
労働組合は是非必要だ</t>
    <phoneticPr fontId="2"/>
  </si>
  <si>
    <t xml:space="preserve">
労働組合はどちらかというとあった方が良い</t>
    <phoneticPr fontId="2"/>
  </si>
  <si>
    <t xml:space="preserve">
労働組合はあってもなくてもよい</t>
    <phoneticPr fontId="2"/>
  </si>
  <si>
    <t xml:space="preserve">
労働組合はない方がよい</t>
    <phoneticPr fontId="2"/>
  </si>
  <si>
    <t xml:space="preserve">
労組必要</t>
    <phoneticPr fontId="2"/>
  </si>
  <si>
    <t xml:space="preserve">
どちらでもよい</t>
    <phoneticPr fontId="2"/>
  </si>
  <si>
    <t xml:space="preserve">
労組不要</t>
    <phoneticPr fontId="2"/>
  </si>
  <si>
    <t xml:space="preserve">
所定労働時間を超えて働いた</t>
    <phoneticPr fontId="2"/>
  </si>
  <si>
    <t xml:space="preserve">
所定労働時間を超えては働かなかった</t>
    <phoneticPr fontId="2"/>
  </si>
  <si>
    <t xml:space="preserve">
所定労働時間を超えて働いたかどうかわからない</t>
    <phoneticPr fontId="2"/>
  </si>
  <si>
    <t xml:space="preserve">
９月はずっと休業・休暇中または失業中だった</t>
    <phoneticPr fontId="2"/>
  </si>
  <si>
    <t xml:space="preserve">
１５時間未満</t>
    <phoneticPr fontId="2"/>
  </si>
  <si>
    <t xml:space="preserve">
１５時間以上３０時間未満</t>
    <phoneticPr fontId="2"/>
  </si>
  <si>
    <t xml:space="preserve">
３０時間以上４５時間未満</t>
    <phoneticPr fontId="2"/>
  </si>
  <si>
    <t xml:space="preserve">
４５時間以上６０時間未満</t>
    <phoneticPr fontId="2"/>
  </si>
  <si>
    <t xml:space="preserve">
６０時間以上８０時間未満</t>
    <phoneticPr fontId="2"/>
  </si>
  <si>
    <t xml:space="preserve">
８０時間以上１００時間未満</t>
    <phoneticPr fontId="2"/>
  </si>
  <si>
    <t xml:space="preserve">
１００時間以上</t>
    <phoneticPr fontId="2"/>
  </si>
  <si>
    <t xml:space="preserve">
月４５時間未満</t>
    <phoneticPr fontId="2"/>
  </si>
  <si>
    <t xml:space="preserve">
月４５時間以上</t>
    <phoneticPr fontId="2"/>
  </si>
  <si>
    <t xml:space="preserve">
月６０時間未満</t>
    <phoneticPr fontId="2"/>
  </si>
  <si>
    <t xml:space="preserve">
月６０時間以上</t>
    <phoneticPr fontId="2"/>
  </si>
  <si>
    <t xml:space="preserve">
月８０時間未満</t>
    <phoneticPr fontId="2"/>
  </si>
  <si>
    <t xml:space="preserve">
月８０時間以上</t>
    <phoneticPr fontId="2"/>
  </si>
  <si>
    <t xml:space="preserve">
仕事をやりたいと感じることが多かった</t>
    <phoneticPr fontId="2"/>
  </si>
  <si>
    <t xml:space="preserve">
仕事をやりたくないと感じることが多かった</t>
    <phoneticPr fontId="2"/>
  </si>
  <si>
    <t xml:space="preserve">
人手が足りないから</t>
    <phoneticPr fontId="2"/>
  </si>
  <si>
    <t xml:space="preserve">
残業を織り込んだ業務運営となっているから</t>
    <phoneticPr fontId="2"/>
  </si>
  <si>
    <t xml:space="preserve">
突発的な仕事があるから</t>
    <phoneticPr fontId="2"/>
  </si>
  <si>
    <t xml:space="preserve">
自分の仕事の進め方の手際が悪いから</t>
    <phoneticPr fontId="2"/>
  </si>
  <si>
    <t xml:space="preserve">
仕事の指示があいまいだから</t>
    <phoneticPr fontId="2"/>
  </si>
  <si>
    <t xml:space="preserve">
先に帰りづらい雰囲気があるから</t>
    <phoneticPr fontId="2"/>
  </si>
  <si>
    <t xml:space="preserve">
査定に影響するから</t>
    <phoneticPr fontId="2"/>
  </si>
  <si>
    <t xml:space="preserve">
他人からの評価に影響するから</t>
    <phoneticPr fontId="2"/>
  </si>
  <si>
    <t xml:space="preserve">
残業手当を生活の当てにしているから</t>
    <phoneticPr fontId="2"/>
  </si>
  <si>
    <t xml:space="preserve">
自分が納得するように仕事を仕上げたいから</t>
    <phoneticPr fontId="2"/>
  </si>
  <si>
    <t xml:space="preserve">
なんとなく職場にいたいから</t>
    <phoneticPr fontId="2"/>
  </si>
  <si>
    <t xml:space="preserve">
外的要因</t>
    <phoneticPr fontId="2"/>
  </si>
  <si>
    <t xml:space="preserve">
自発的要因</t>
    <phoneticPr fontId="2"/>
  </si>
  <si>
    <t xml:space="preserve">
支給される立場である</t>
    <phoneticPr fontId="2"/>
  </si>
  <si>
    <t xml:space="preserve">
支給される立場ではない</t>
    <phoneticPr fontId="2"/>
  </si>
  <si>
    <t xml:space="preserve">
申告しなかった時間がある</t>
    <phoneticPr fontId="2"/>
  </si>
  <si>
    <t xml:space="preserve">
申告しなかった時間はない</t>
    <phoneticPr fontId="2"/>
  </si>
  <si>
    <t xml:space="preserve">
申告しなかった時間があるかどうかわからない</t>
    <phoneticPr fontId="2"/>
  </si>
  <si>
    <t xml:space="preserve">
所定時間を超えて働かなかった／わからない</t>
    <phoneticPr fontId="2"/>
  </si>
  <si>
    <t xml:space="preserve">
申告する際に、自分自身で調整したから</t>
    <phoneticPr fontId="2"/>
  </si>
  <si>
    <t xml:space="preserve">
申告する際に、上司から調整するように言われたから</t>
    <phoneticPr fontId="2"/>
  </si>
  <si>
    <t xml:space="preserve">
残業手当に限度があるから</t>
    <phoneticPr fontId="2"/>
  </si>
  <si>
    <t xml:space="preserve">
行政に届け出た限度時間に違反するから</t>
    <phoneticPr fontId="2"/>
  </si>
  <si>
    <t xml:space="preserve">
働いた時間どおり申告しづらい雰囲気だから</t>
    <phoneticPr fontId="2"/>
  </si>
  <si>
    <t xml:space="preserve">
なんとなく申告しなかった</t>
    <phoneticPr fontId="2"/>
  </si>
  <si>
    <t xml:space="preserve">
把握している</t>
    <phoneticPr fontId="2"/>
  </si>
  <si>
    <t xml:space="preserve">
把握していない</t>
    <phoneticPr fontId="2"/>
  </si>
  <si>
    <t xml:space="preserve">
全て取得した</t>
    <phoneticPr fontId="2"/>
  </si>
  <si>
    <t xml:space="preserve">
おおよそ取得した</t>
    <phoneticPr fontId="2"/>
  </si>
  <si>
    <t xml:space="preserve">
半分くらい取得した</t>
    <phoneticPr fontId="2"/>
  </si>
  <si>
    <t xml:space="preserve">
あまり取得しなかった</t>
    <phoneticPr fontId="2"/>
  </si>
  <si>
    <t xml:space="preserve">
まったく取得しなかった</t>
    <phoneticPr fontId="2"/>
  </si>
  <si>
    <t xml:space="preserve">
昨年度は働いていない・年次有給休暇の付与無</t>
    <phoneticPr fontId="2"/>
  </si>
  <si>
    <t xml:space="preserve">
している</t>
    <phoneticPr fontId="2"/>
  </si>
  <si>
    <t xml:space="preserve">
していない</t>
    <phoneticPr fontId="2"/>
  </si>
  <si>
    <t xml:space="preserve">
ある</t>
    <phoneticPr fontId="2"/>
  </si>
  <si>
    <t xml:space="preserve">
ない</t>
    <phoneticPr fontId="2"/>
  </si>
  <si>
    <t xml:space="preserve">
通常の労働時間制</t>
    <phoneticPr fontId="2"/>
  </si>
  <si>
    <t xml:space="preserve">
フレックスタイム制</t>
    <phoneticPr fontId="2"/>
  </si>
  <si>
    <t xml:space="preserve">
変形労働時間制</t>
    <phoneticPr fontId="2"/>
  </si>
  <si>
    <t xml:space="preserve">
事業場外みなし労働時間制</t>
    <phoneticPr fontId="2"/>
  </si>
  <si>
    <t xml:space="preserve">
裁量労働制</t>
    <phoneticPr fontId="2"/>
  </si>
  <si>
    <t xml:space="preserve">
労働時間規制の適用除外</t>
    <phoneticPr fontId="2"/>
  </si>
  <si>
    <t xml:space="preserve">
体調を崩した経験がある</t>
    <phoneticPr fontId="2"/>
  </si>
  <si>
    <t xml:space="preserve">
体調を崩した経験はない</t>
    <phoneticPr fontId="2"/>
  </si>
  <si>
    <t xml:space="preserve">
そう思う</t>
    <phoneticPr fontId="2"/>
  </si>
  <si>
    <t xml:space="preserve">
そう思わない</t>
    <phoneticPr fontId="2"/>
  </si>
  <si>
    <t xml:space="preserve">
はい</t>
    <phoneticPr fontId="2"/>
  </si>
  <si>
    <t xml:space="preserve">
いいえ</t>
    <phoneticPr fontId="2"/>
  </si>
  <si>
    <t xml:space="preserve">
１日</t>
    <phoneticPr fontId="2"/>
  </si>
  <si>
    <t xml:space="preserve">
２日</t>
    <phoneticPr fontId="2"/>
  </si>
  <si>
    <t xml:space="preserve">
３日</t>
    <phoneticPr fontId="2"/>
  </si>
  <si>
    <t xml:space="preserve">
４日</t>
    <phoneticPr fontId="2"/>
  </si>
  <si>
    <t xml:space="preserve">
５日</t>
    <phoneticPr fontId="2"/>
  </si>
  <si>
    <t xml:space="preserve">
６日</t>
    <phoneticPr fontId="2"/>
  </si>
  <si>
    <t xml:space="preserve">
７日</t>
    <phoneticPr fontId="2"/>
  </si>
  <si>
    <t xml:space="preserve">
在宅勤務・テレワークを行っていない</t>
    <phoneticPr fontId="2"/>
  </si>
  <si>
    <t xml:space="preserve">
１～２日</t>
    <phoneticPr fontId="2"/>
  </si>
  <si>
    <t xml:space="preserve">
５日以上</t>
    <phoneticPr fontId="2"/>
  </si>
  <si>
    <t xml:space="preserve">
タイムレコーダーによる管理</t>
    <phoneticPr fontId="2"/>
  </si>
  <si>
    <t xml:space="preserve">
ＩＣリーダー等での出退勤時刻の読み取り</t>
    <phoneticPr fontId="2"/>
  </si>
  <si>
    <t xml:space="preserve">
パソコン等の使用時間（ログインとログアウト）の記録</t>
    <phoneticPr fontId="2"/>
  </si>
  <si>
    <t xml:space="preserve">
チャットツール等での在席・離席状況の手動記録</t>
    <phoneticPr fontId="2"/>
  </si>
  <si>
    <t xml:space="preserve">
会議システムのカメラ機能等での在席・離席状況の管理</t>
    <phoneticPr fontId="2"/>
  </si>
  <si>
    <t xml:space="preserve">
上長による出退勤時刻の確認（現認）</t>
    <phoneticPr fontId="2"/>
  </si>
  <si>
    <t xml:space="preserve">
出勤簿への記名・押印</t>
    <phoneticPr fontId="2"/>
  </si>
  <si>
    <t xml:space="preserve">
ネットワーク上の出退勤管理システムでの打刻</t>
    <phoneticPr fontId="2"/>
  </si>
  <si>
    <t xml:space="preserve">
メール等による管理者への報告</t>
    <phoneticPr fontId="2"/>
  </si>
  <si>
    <t xml:space="preserve">
自己申告</t>
    <phoneticPr fontId="2"/>
  </si>
  <si>
    <t xml:space="preserve">
労働時間管理の対象ではない</t>
    <phoneticPr fontId="2"/>
  </si>
  <si>
    <t xml:space="preserve">
労働時間管理はしていない</t>
    <phoneticPr fontId="2"/>
  </si>
  <si>
    <t xml:space="preserve">
残業時間削減・有給休暇取得促進のための労働時間管理</t>
    <phoneticPr fontId="2"/>
  </si>
  <si>
    <t xml:space="preserve">
人員の補充・サポート体制の整備</t>
    <phoneticPr fontId="2"/>
  </si>
  <si>
    <t xml:space="preserve">
仕事の効率化のための業務内容・プロセスの改善</t>
    <phoneticPr fontId="2"/>
  </si>
  <si>
    <t xml:space="preserve">
生産性向上のためのデジタル化等職場環境の整備</t>
    <phoneticPr fontId="2"/>
  </si>
  <si>
    <t xml:space="preserve">
仕事の能率向上のための職業訓練・研修</t>
    <phoneticPr fontId="2"/>
  </si>
  <si>
    <t xml:space="preserve">
テレワーク・フレックスタイム制など柔軟な働き方の推進</t>
    <phoneticPr fontId="2"/>
  </si>
  <si>
    <t xml:space="preserve">
会社による意識改革</t>
    <phoneticPr fontId="2"/>
  </si>
  <si>
    <t xml:space="preserve">
労働組合による意識改革</t>
    <phoneticPr fontId="2"/>
  </si>
  <si>
    <t xml:space="preserve">
特段の取り組みはなかった</t>
    <phoneticPr fontId="2"/>
  </si>
  <si>
    <t xml:space="preserve">
かなり改善した</t>
    <phoneticPr fontId="2"/>
  </si>
  <si>
    <t xml:space="preserve">
やや改善した</t>
    <phoneticPr fontId="2"/>
  </si>
  <si>
    <t xml:space="preserve">
やや悪化した</t>
    <phoneticPr fontId="2"/>
  </si>
  <si>
    <t xml:space="preserve">
かなり悪化した</t>
    <phoneticPr fontId="2"/>
  </si>
  <si>
    <t xml:space="preserve">
悪化した</t>
    <phoneticPr fontId="2"/>
  </si>
  <si>
    <t xml:space="preserve">
あった</t>
    <phoneticPr fontId="2"/>
  </si>
  <si>
    <t xml:space="preserve">
なかった</t>
    <phoneticPr fontId="2"/>
  </si>
  <si>
    <t xml:space="preserve">
増加した</t>
    <phoneticPr fontId="2"/>
  </si>
  <si>
    <t xml:space="preserve">
減少した</t>
    <phoneticPr fontId="2"/>
  </si>
  <si>
    <t xml:space="preserve">
新設された</t>
    <phoneticPr fontId="2"/>
  </si>
  <si>
    <t xml:space="preserve">
元からない</t>
    <phoneticPr fontId="2"/>
  </si>
  <si>
    <t xml:space="preserve">
大いに影響があった</t>
    <phoneticPr fontId="2"/>
  </si>
  <si>
    <t xml:space="preserve">
ある程度影響があった</t>
    <phoneticPr fontId="2"/>
  </si>
  <si>
    <t xml:space="preserve">
あまり影響はなかった</t>
    <phoneticPr fontId="2"/>
  </si>
  <si>
    <t xml:space="preserve">
全く影響はなかった</t>
    <phoneticPr fontId="2"/>
  </si>
  <si>
    <t xml:space="preserve">
影響があった</t>
    <phoneticPr fontId="2"/>
  </si>
  <si>
    <t xml:space="preserve">
影響はなかった</t>
    <phoneticPr fontId="2"/>
  </si>
  <si>
    <t xml:space="preserve">
会社からの解雇</t>
    <phoneticPr fontId="2"/>
  </si>
  <si>
    <t xml:space="preserve">
期間満了に伴う雇い止め</t>
    <phoneticPr fontId="2"/>
  </si>
  <si>
    <t xml:space="preserve">
勤め先の休廃業・倒産に伴う失業</t>
    <phoneticPr fontId="2"/>
  </si>
  <si>
    <t xml:space="preserve">
雇用・就業形態の変更</t>
    <phoneticPr fontId="2"/>
  </si>
  <si>
    <t xml:space="preserve">
業務内容の変更</t>
    <phoneticPr fontId="2"/>
  </si>
  <si>
    <t xml:space="preserve">
勤務日数や労働時間の減少</t>
    <phoneticPr fontId="2"/>
  </si>
  <si>
    <t xml:space="preserve">
勤務日数や労働時間の増加</t>
    <phoneticPr fontId="2"/>
  </si>
  <si>
    <t xml:space="preserve">
収入の減少</t>
    <phoneticPr fontId="2"/>
  </si>
  <si>
    <t xml:space="preserve">
収入の増加</t>
    <phoneticPr fontId="2"/>
  </si>
  <si>
    <t xml:space="preserve">
自発的な退職</t>
    <phoneticPr fontId="2"/>
  </si>
  <si>
    <t xml:space="preserve">
他社への出向・派遣</t>
    <phoneticPr fontId="2"/>
  </si>
  <si>
    <t xml:space="preserve">
（上記に）当てはまるものはない</t>
    <phoneticPr fontId="2"/>
  </si>
  <si>
    <t xml:space="preserve">
答えたくない</t>
    <phoneticPr fontId="2"/>
  </si>
  <si>
    <t xml:space="preserve">
職業能力開発や自己啓発</t>
    <phoneticPr fontId="2"/>
  </si>
  <si>
    <t xml:space="preserve">
情報収集を含む転職活動</t>
    <phoneticPr fontId="2"/>
  </si>
  <si>
    <t xml:space="preserve">
兼業・副業</t>
    <phoneticPr fontId="2"/>
  </si>
  <si>
    <t xml:space="preserve">
資産運用</t>
    <phoneticPr fontId="2"/>
  </si>
  <si>
    <t xml:space="preserve">
消費の抑制・貯蓄の増加</t>
    <phoneticPr fontId="2"/>
  </si>
  <si>
    <t xml:space="preserve">
テレワークのための住環境の整備</t>
    <phoneticPr fontId="2"/>
  </si>
  <si>
    <t xml:space="preserve">
都市部から地方への移住</t>
    <phoneticPr fontId="2"/>
  </si>
  <si>
    <t xml:space="preserve">
１～２割減少した</t>
    <phoneticPr fontId="2"/>
  </si>
  <si>
    <t xml:space="preserve">
３～４割減少した</t>
    <phoneticPr fontId="2"/>
  </si>
  <si>
    <t xml:space="preserve">
５～６割減少した</t>
    <phoneticPr fontId="2"/>
  </si>
  <si>
    <t xml:space="preserve">
７～８割減少した</t>
    <phoneticPr fontId="2"/>
  </si>
  <si>
    <t xml:space="preserve">
９割以上減少した</t>
    <phoneticPr fontId="2"/>
  </si>
  <si>
    <t xml:space="preserve">
１～２割増加した</t>
    <phoneticPr fontId="2"/>
  </si>
  <si>
    <t xml:space="preserve">
３～４割増加した</t>
    <phoneticPr fontId="2"/>
  </si>
  <si>
    <t xml:space="preserve">
５割以上増加した</t>
    <phoneticPr fontId="2"/>
  </si>
  <si>
    <t xml:space="preserve">
ほぼ同じ（変動は１割未満）</t>
    <phoneticPr fontId="2"/>
  </si>
  <si>
    <t xml:space="preserve">
ほぼ同じ</t>
    <phoneticPr fontId="2"/>
  </si>
  <si>
    <t xml:space="preserve">
ワクチンを2回接種した</t>
    <phoneticPr fontId="2"/>
  </si>
  <si>
    <t xml:space="preserve">
ワクチンを1回接種した</t>
    <phoneticPr fontId="2"/>
  </si>
  <si>
    <t xml:space="preserve">
1回目の予約をしたが、まだ接種できていない</t>
    <phoneticPr fontId="2"/>
  </si>
  <si>
    <t xml:space="preserve">
1回目のワクチン接種の予約ができない</t>
    <phoneticPr fontId="2"/>
  </si>
  <si>
    <t xml:space="preserve">
未接種だが、様子を見て判断したい</t>
    <phoneticPr fontId="2"/>
  </si>
  <si>
    <t xml:space="preserve">
未接種だが、接種したくない</t>
    <phoneticPr fontId="2"/>
  </si>
  <si>
    <t xml:space="preserve">
接種会場の感染対策が不安</t>
    <phoneticPr fontId="2"/>
  </si>
  <si>
    <t xml:space="preserve">
接種会場まで出かけることが不安</t>
    <phoneticPr fontId="2"/>
  </si>
  <si>
    <t xml:space="preserve">
接種会場が遠い</t>
    <phoneticPr fontId="2"/>
  </si>
  <si>
    <t xml:space="preserve">
基礎疾患や持病があり副反応が不安</t>
    <phoneticPr fontId="2"/>
  </si>
  <si>
    <t xml:space="preserve">
授乳中、妊娠中（予定含む）で副反応が不安</t>
    <phoneticPr fontId="2"/>
  </si>
  <si>
    <t xml:space="preserve">
特に持病などはないが、副反応が不安</t>
    <phoneticPr fontId="2"/>
  </si>
  <si>
    <t xml:space="preserve">
効果など情報が不足している</t>
    <phoneticPr fontId="2"/>
  </si>
  <si>
    <t xml:space="preserve">
感染経験があり、抗体があるから大丈夫</t>
    <phoneticPr fontId="2"/>
  </si>
  <si>
    <t xml:space="preserve">
ワクチンを接種しなくても自分は大丈夫</t>
    <phoneticPr fontId="2"/>
  </si>
  <si>
    <t xml:space="preserve">
中学校卒</t>
    <phoneticPr fontId="2"/>
  </si>
  <si>
    <t xml:space="preserve">
高校卒</t>
    <phoneticPr fontId="2"/>
  </si>
  <si>
    <t xml:space="preserve">
専修・各種学校卒</t>
    <phoneticPr fontId="2"/>
  </si>
  <si>
    <t xml:space="preserve">
短大・高専卒</t>
    <phoneticPr fontId="2"/>
  </si>
  <si>
    <t xml:space="preserve">
四年制大学卒</t>
    <phoneticPr fontId="2"/>
  </si>
  <si>
    <t xml:space="preserve">
大学院修了</t>
    <phoneticPr fontId="2"/>
  </si>
  <si>
    <t xml:space="preserve">
中学・高校卒</t>
    <phoneticPr fontId="2"/>
  </si>
  <si>
    <t xml:space="preserve">
専修学校・短大卒</t>
    <phoneticPr fontId="2"/>
  </si>
  <si>
    <t xml:space="preserve">
大学・大学院卒</t>
    <phoneticPr fontId="2"/>
  </si>
  <si>
    <t xml:space="preserve">
既婚（配偶者あり）</t>
    <phoneticPr fontId="2"/>
  </si>
  <si>
    <t xml:space="preserve">
既婚（離別・死別）</t>
    <phoneticPr fontId="2"/>
  </si>
  <si>
    <t xml:space="preserve">
未婚</t>
    <phoneticPr fontId="2"/>
  </si>
  <si>
    <t xml:space="preserve">
配偶者</t>
    <phoneticPr fontId="2"/>
  </si>
  <si>
    <t xml:space="preserve">
子ども</t>
    <phoneticPr fontId="2"/>
  </si>
  <si>
    <t xml:space="preserve">
親</t>
    <phoneticPr fontId="2"/>
  </si>
  <si>
    <t xml:space="preserve">
孫</t>
    <phoneticPr fontId="2"/>
  </si>
  <si>
    <t xml:space="preserve">
祖父母</t>
    <phoneticPr fontId="2"/>
  </si>
  <si>
    <t xml:space="preserve">
兄弟姉妹</t>
    <phoneticPr fontId="2"/>
  </si>
  <si>
    <t xml:space="preserve">
あなた以外にいない</t>
    <phoneticPr fontId="2"/>
  </si>
  <si>
    <t xml:space="preserve">
６歳未満</t>
    <phoneticPr fontId="2"/>
  </si>
  <si>
    <t xml:space="preserve">
６歳以上２０歳未満</t>
    <phoneticPr fontId="2"/>
  </si>
  <si>
    <t xml:space="preserve">
２０歳以上</t>
    <phoneticPr fontId="2"/>
  </si>
  <si>
    <t xml:space="preserve">
いる</t>
    <phoneticPr fontId="2"/>
  </si>
  <si>
    <t xml:space="preserve">
いない</t>
    <phoneticPr fontId="2"/>
  </si>
  <si>
    <t xml:space="preserve">
あなたご自身</t>
    <phoneticPr fontId="2"/>
  </si>
  <si>
    <t xml:space="preserve">
あなたの配偶者（妻・夫）</t>
    <phoneticPr fontId="2"/>
  </si>
  <si>
    <t xml:space="preserve">
あなたの親</t>
    <phoneticPr fontId="2"/>
  </si>
  <si>
    <t xml:space="preserve">
あなたの子ども</t>
    <phoneticPr fontId="2"/>
  </si>
  <si>
    <t xml:space="preserve">
主生計支持者</t>
    <phoneticPr fontId="2"/>
  </si>
  <si>
    <t xml:space="preserve">
生計補助者</t>
    <phoneticPr fontId="2"/>
  </si>
  <si>
    <t xml:space="preserve">
あなたの配偶者</t>
    <phoneticPr fontId="2"/>
  </si>
  <si>
    <t xml:space="preserve">
その他・わからない</t>
    <phoneticPr fontId="2"/>
  </si>
  <si>
    <t xml:space="preserve">
９人以下</t>
    <phoneticPr fontId="2"/>
  </si>
  <si>
    <t xml:space="preserve">
１０～２９人</t>
    <phoneticPr fontId="2"/>
  </si>
  <si>
    <t xml:space="preserve">
３０～９９人</t>
    <phoneticPr fontId="2"/>
  </si>
  <si>
    <t xml:space="preserve">
１００～２９９人</t>
    <phoneticPr fontId="2"/>
  </si>
  <si>
    <t xml:space="preserve">
３００～４９９人</t>
    <phoneticPr fontId="2"/>
  </si>
  <si>
    <t xml:space="preserve">
５００～９９９人</t>
    <phoneticPr fontId="2"/>
  </si>
  <si>
    <t xml:space="preserve">
１，０００～２，９９９人</t>
    <phoneticPr fontId="2"/>
  </si>
  <si>
    <t xml:space="preserve">
３，０００人以上</t>
    <phoneticPr fontId="2"/>
  </si>
  <si>
    <t xml:space="preserve">
９９人以下</t>
    <phoneticPr fontId="2"/>
  </si>
  <si>
    <t xml:space="preserve">
１００～９９９人</t>
    <phoneticPr fontId="2"/>
  </si>
  <si>
    <t xml:space="preserve">
１，０００人以上</t>
    <phoneticPr fontId="2"/>
  </si>
  <si>
    <t xml:space="preserve">
２９人以下</t>
    <phoneticPr fontId="2"/>
  </si>
  <si>
    <t xml:space="preserve">
管理職（課長クラス以上）</t>
    <phoneticPr fontId="2"/>
  </si>
  <si>
    <t xml:space="preserve">
専門・技術職</t>
    <phoneticPr fontId="2"/>
  </si>
  <si>
    <t xml:space="preserve">
事務職</t>
    <phoneticPr fontId="2"/>
  </si>
  <si>
    <t xml:space="preserve">
営業・販売職</t>
    <phoneticPr fontId="2"/>
  </si>
  <si>
    <t xml:space="preserve">
サービス職</t>
    <phoneticPr fontId="2"/>
  </si>
  <si>
    <t xml:space="preserve">
保安・警備職</t>
    <phoneticPr fontId="2"/>
  </si>
  <si>
    <t xml:space="preserve">
生産技能</t>
    <phoneticPr fontId="2"/>
  </si>
  <si>
    <t xml:space="preserve">
輸送・機械運転</t>
    <phoneticPr fontId="2"/>
  </si>
  <si>
    <t xml:space="preserve">
建設作業・採掘</t>
    <phoneticPr fontId="2"/>
  </si>
  <si>
    <t xml:space="preserve">
運搬・清掃・包装作業</t>
    <phoneticPr fontId="2"/>
  </si>
  <si>
    <t xml:space="preserve">
管理職</t>
    <phoneticPr fontId="2"/>
  </si>
  <si>
    <t xml:space="preserve">
技能・労務職等</t>
    <phoneticPr fontId="2"/>
  </si>
  <si>
    <t xml:space="preserve">
０年</t>
    <phoneticPr fontId="2"/>
  </si>
  <si>
    <t xml:space="preserve">
１～２年</t>
    <phoneticPr fontId="2"/>
  </si>
  <si>
    <t xml:space="preserve">
３～４年</t>
    <phoneticPr fontId="2"/>
  </si>
  <si>
    <t xml:space="preserve">
５～９年</t>
    <phoneticPr fontId="2"/>
  </si>
  <si>
    <t xml:space="preserve">
１０～１４年</t>
    <phoneticPr fontId="2"/>
  </si>
  <si>
    <t xml:space="preserve">
１５～１９年</t>
    <phoneticPr fontId="2"/>
  </si>
  <si>
    <t xml:space="preserve">
２０年以上</t>
    <phoneticPr fontId="2"/>
  </si>
  <si>
    <t xml:space="preserve">
２０時間未満</t>
    <phoneticPr fontId="2"/>
  </si>
  <si>
    <t xml:space="preserve">
２０時間以上３０時間未満</t>
    <phoneticPr fontId="2"/>
  </si>
  <si>
    <t xml:space="preserve">
３０時間以上３５時間未満</t>
    <phoneticPr fontId="2"/>
  </si>
  <si>
    <t xml:space="preserve">
３５時間以上４０時間未満</t>
    <phoneticPr fontId="2"/>
  </si>
  <si>
    <t xml:space="preserve">
４０時間以上４５時間未満</t>
    <phoneticPr fontId="2"/>
  </si>
  <si>
    <t xml:space="preserve">
４５時間以上５０時間未満</t>
    <phoneticPr fontId="2"/>
  </si>
  <si>
    <t xml:space="preserve">
５０時間以上６０時間未満</t>
    <phoneticPr fontId="2"/>
  </si>
  <si>
    <t xml:space="preserve">
６０時間以上</t>
    <phoneticPr fontId="2"/>
  </si>
  <si>
    <t xml:space="preserve">
３０時間未満</t>
    <phoneticPr fontId="2"/>
  </si>
  <si>
    <t xml:space="preserve">
３０時間以上４０時間未満</t>
    <phoneticPr fontId="2"/>
  </si>
  <si>
    <t xml:space="preserve">
４０時間以上５０時間未満</t>
    <phoneticPr fontId="2"/>
  </si>
  <si>
    <t xml:space="preserve">
４０時間未満</t>
    <phoneticPr fontId="2"/>
  </si>
  <si>
    <t xml:space="preserve">
４０時間以上</t>
    <phoneticPr fontId="2"/>
  </si>
  <si>
    <t xml:space="preserve">
３５時間未満</t>
    <phoneticPr fontId="2"/>
  </si>
  <si>
    <t xml:space="preserve">
３５時間以上</t>
    <phoneticPr fontId="2"/>
  </si>
  <si>
    <t xml:space="preserve">
１００万円未満</t>
    <phoneticPr fontId="2"/>
  </si>
  <si>
    <t xml:space="preserve">
１００～２００万円未満</t>
    <phoneticPr fontId="2"/>
  </si>
  <si>
    <t xml:space="preserve">
２００～３００万円未満</t>
    <phoneticPr fontId="2"/>
  </si>
  <si>
    <t xml:space="preserve">
３００～４００万円未満</t>
    <phoneticPr fontId="2"/>
  </si>
  <si>
    <t xml:space="preserve">
４００～５００万円未満</t>
    <phoneticPr fontId="2"/>
  </si>
  <si>
    <t xml:space="preserve">
５００～６００万円未満</t>
    <phoneticPr fontId="2"/>
  </si>
  <si>
    <t xml:space="preserve">
６００～７００万円未満</t>
    <phoneticPr fontId="2"/>
  </si>
  <si>
    <t xml:space="preserve">
７００～８００万円未満</t>
    <phoneticPr fontId="2"/>
  </si>
  <si>
    <t xml:space="preserve">
８００～９００万円未満</t>
    <phoneticPr fontId="2"/>
  </si>
  <si>
    <t xml:space="preserve">
９００～１，０００万円未満</t>
    <phoneticPr fontId="2"/>
  </si>
  <si>
    <t xml:space="preserve">
１，０００～１，２００万円未満</t>
    <phoneticPr fontId="2"/>
  </si>
  <si>
    <t xml:space="preserve">
１，２００～１，５００万円未満</t>
    <phoneticPr fontId="2"/>
  </si>
  <si>
    <t xml:space="preserve">
１，５００～２，０００万円未満</t>
    <phoneticPr fontId="2"/>
  </si>
  <si>
    <t xml:space="preserve">
２，０００万円以上</t>
    <phoneticPr fontId="2"/>
  </si>
  <si>
    <t xml:space="preserve">
４００～６００万円未満</t>
    <phoneticPr fontId="2"/>
  </si>
  <si>
    <t xml:space="preserve">
６００～８００万円未満</t>
    <phoneticPr fontId="2"/>
  </si>
  <si>
    <t xml:space="preserve">
８００万円以上</t>
    <phoneticPr fontId="2"/>
  </si>
  <si>
    <t xml:space="preserve">
４００万円未満</t>
    <phoneticPr fontId="2"/>
  </si>
  <si>
    <t xml:space="preserve">
８００～１，０００万円未満</t>
    <phoneticPr fontId="2"/>
  </si>
  <si>
    <t xml:space="preserve">
１，２００万円以上</t>
    <phoneticPr fontId="2"/>
  </si>
  <si>
    <t xml:space="preserve">
１００万円以上３００万円未満</t>
    <phoneticPr fontId="2"/>
  </si>
  <si>
    <t xml:space="preserve">
３００万円以上５００万円未満</t>
    <phoneticPr fontId="2"/>
  </si>
  <si>
    <t xml:space="preserve">
５００万円以上１，０００万円未満</t>
    <phoneticPr fontId="2"/>
  </si>
  <si>
    <t xml:space="preserve">
１，０００万円以上２，０００万円未満</t>
    <phoneticPr fontId="2"/>
  </si>
  <si>
    <t xml:space="preserve">
住宅ローンがある</t>
    <phoneticPr fontId="2"/>
  </si>
  <si>
    <t xml:space="preserve">
教育ローンがある</t>
    <phoneticPr fontId="2"/>
  </si>
  <si>
    <t xml:space="preserve">
自動車ローンがある</t>
    <phoneticPr fontId="2"/>
  </si>
  <si>
    <t xml:space="preserve">
消費者金融のローンがある</t>
    <phoneticPr fontId="2"/>
  </si>
  <si>
    <t xml:space="preserve">
その他のローンがある</t>
    <phoneticPr fontId="2"/>
  </si>
  <si>
    <t xml:space="preserve">
ローンはない</t>
    <phoneticPr fontId="2"/>
  </si>
  <si>
    <t xml:space="preserve">
いずれかのローンがある</t>
    <phoneticPr fontId="2"/>
  </si>
  <si>
    <t xml:space="preserve">
支持する</t>
    <phoneticPr fontId="2"/>
  </si>
  <si>
    <t xml:space="preserve">
支持しない</t>
    <phoneticPr fontId="2"/>
  </si>
  <si>
    <t>数表</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76" formatCode="#,##0_ "/>
    <numFmt numFmtId="177" formatCode="0.0_ "/>
  </numFmts>
  <fonts count="9" x14ac:knownFonts="1">
    <font>
      <sz val="11"/>
      <name val="ＭＳ Ｐゴシック"/>
      <family val="3"/>
      <charset val="128"/>
    </font>
    <font>
      <b/>
      <sz val="9"/>
      <name val="ＭＳ Ｐゴシック"/>
      <family val="3"/>
      <charset val="128"/>
    </font>
    <font>
      <sz val="6"/>
      <name val="ＭＳ Ｐゴシック"/>
      <family val="3"/>
      <charset val="128"/>
    </font>
    <font>
      <b/>
      <sz val="12"/>
      <name val="ＭＳ Ｐゴシック"/>
      <family val="3"/>
      <charset val="128"/>
    </font>
    <font>
      <sz val="12"/>
      <name val="ＭＳ Ｐゴシック"/>
      <family val="3"/>
      <charset val="128"/>
    </font>
    <font>
      <sz val="9"/>
      <name val="ＭＳ Ｐゴシック"/>
      <family val="3"/>
      <charset val="128"/>
    </font>
    <font>
      <u/>
      <sz val="11"/>
      <color theme="10"/>
      <name val="ＭＳ Ｐゴシック"/>
      <family val="3"/>
      <charset val="128"/>
    </font>
    <font>
      <u/>
      <sz val="9"/>
      <color theme="10"/>
      <name val="ＭＳ Ｐゴシック"/>
      <family val="3"/>
      <charset val="128"/>
    </font>
    <font>
      <sz val="9"/>
      <name val="Arial"/>
      <family val="2"/>
    </font>
  </fonts>
  <fills count="3">
    <fill>
      <patternFill patternType="none"/>
    </fill>
    <fill>
      <patternFill patternType="gray125"/>
    </fill>
    <fill>
      <patternFill patternType="solid">
        <fgColor indexed="43"/>
        <bgColor indexed="64"/>
      </patternFill>
    </fill>
  </fills>
  <borders count="35">
    <border>
      <left/>
      <right/>
      <top/>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top/>
      <bottom style="hair">
        <color indexed="64"/>
      </bottom>
      <diagonal/>
    </border>
    <border>
      <left style="hair">
        <color indexed="64"/>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style="thin">
        <color indexed="64"/>
      </right>
      <top style="hair">
        <color indexed="64"/>
      </top>
      <bottom style="hair">
        <color indexed="64"/>
      </bottom>
      <diagonal/>
    </border>
    <border>
      <left style="thin">
        <color indexed="64"/>
      </left>
      <right/>
      <top style="hair">
        <color indexed="64"/>
      </top>
      <bottom/>
      <diagonal/>
    </border>
    <border>
      <left/>
      <right style="thin">
        <color indexed="64"/>
      </right>
      <top style="hair">
        <color indexed="64"/>
      </top>
      <bottom/>
      <diagonal/>
    </border>
    <border>
      <left style="thin">
        <color indexed="64"/>
      </left>
      <right/>
      <top style="hair">
        <color indexed="64"/>
      </top>
      <bottom style="thin">
        <color indexed="64"/>
      </bottom>
      <diagonal/>
    </border>
    <border>
      <left/>
      <right style="hair">
        <color indexed="64"/>
      </right>
      <top style="hair">
        <color indexed="64"/>
      </top>
      <bottom style="thin">
        <color indexed="64"/>
      </bottom>
      <diagonal/>
    </border>
    <border>
      <left/>
      <right style="thin">
        <color indexed="64"/>
      </right>
      <top style="hair">
        <color indexed="64"/>
      </top>
      <bottom style="thin">
        <color indexed="64"/>
      </bottom>
      <diagonal/>
    </border>
    <border>
      <left/>
      <right style="hair">
        <color indexed="64"/>
      </right>
      <top style="hair">
        <color indexed="64"/>
      </top>
      <bottom style="hair">
        <color indexed="64"/>
      </bottom>
      <diagonal/>
    </border>
    <border>
      <left style="thin">
        <color indexed="64"/>
      </left>
      <right style="hair">
        <color indexed="64"/>
      </right>
      <top style="hair">
        <color indexed="64"/>
      </top>
      <bottom/>
      <diagonal/>
    </border>
    <border>
      <left/>
      <right style="hair">
        <color indexed="64"/>
      </right>
      <top style="hair">
        <color indexed="64"/>
      </top>
      <bottom/>
      <diagonal/>
    </border>
    <border>
      <left style="hair">
        <color indexed="64"/>
      </left>
      <right style="thin">
        <color indexed="64"/>
      </right>
      <top style="hair">
        <color indexed="64"/>
      </top>
      <bottom/>
      <diagonal/>
    </border>
    <border>
      <left style="thin">
        <color indexed="64"/>
      </left>
      <right/>
      <top style="hair">
        <color indexed="64"/>
      </top>
      <bottom style="thin">
        <color auto="1"/>
      </bottom>
      <diagonal/>
    </border>
    <border>
      <left style="hair">
        <color indexed="64"/>
      </left>
      <right style="hair">
        <color indexed="64"/>
      </right>
      <top style="hair">
        <color indexed="64"/>
      </top>
      <bottom style="thin">
        <color auto="1"/>
      </bottom>
      <diagonal/>
    </border>
    <border>
      <left/>
      <right style="thin">
        <color indexed="64"/>
      </right>
      <top style="hair">
        <color indexed="64"/>
      </top>
      <bottom style="thin">
        <color auto="1"/>
      </bottom>
      <diagonal/>
    </border>
    <border>
      <left style="thin">
        <color indexed="64"/>
      </left>
      <right style="thin">
        <color indexed="64"/>
      </right>
      <top style="thin">
        <color indexed="64"/>
      </top>
      <bottom style="thin">
        <color indexed="64"/>
      </bottom>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thin">
        <color indexed="64"/>
      </left>
      <right style="hair">
        <color indexed="64"/>
      </right>
      <top style="thin">
        <color auto="1"/>
      </top>
      <bottom style="hair">
        <color indexed="64"/>
      </bottom>
      <diagonal/>
    </border>
    <border>
      <left style="hair">
        <color indexed="64"/>
      </left>
      <right style="hair">
        <color indexed="64"/>
      </right>
      <top style="thin">
        <color auto="1"/>
      </top>
      <bottom style="hair">
        <color indexed="64"/>
      </bottom>
      <diagonal/>
    </border>
    <border>
      <left style="hair">
        <color indexed="64"/>
      </left>
      <right style="thin">
        <color indexed="64"/>
      </right>
      <top style="thin">
        <color auto="1"/>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style="thin">
        <color indexed="64"/>
      </right>
      <top style="hair">
        <color indexed="64"/>
      </top>
      <bottom style="thin">
        <color indexed="64"/>
      </bottom>
      <diagonal/>
    </border>
    <border>
      <left style="hair">
        <color indexed="64"/>
      </left>
      <right style="hair">
        <color indexed="64"/>
      </right>
      <top style="thin">
        <color indexed="64"/>
      </top>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style="thin">
        <color indexed="64"/>
      </right>
      <top style="thin">
        <color indexed="64"/>
      </top>
      <bottom style="hair">
        <color indexed="64"/>
      </bottom>
      <diagonal/>
    </border>
  </borders>
  <cellStyleXfs count="2">
    <xf numFmtId="0" fontId="0" fillId="0" borderId="0">
      <alignment vertical="center"/>
    </xf>
    <xf numFmtId="0" fontId="6" fillId="0" borderId="0" applyNumberFormat="0" applyFill="0" applyBorder="0" applyAlignment="0" applyProtection="0">
      <alignment vertical="center"/>
    </xf>
  </cellStyleXfs>
  <cellXfs count="73">
    <xf numFmtId="0" fontId="0" fillId="0" borderId="0" xfId="0">
      <alignment vertical="center"/>
    </xf>
    <xf numFmtId="0" fontId="1" fillId="0" borderId="0" xfId="0" applyFont="1" applyAlignment="1">
      <alignment vertical="center" wrapText="1"/>
    </xf>
    <xf numFmtId="0" fontId="4" fillId="0" borderId="0" xfId="0" applyFont="1">
      <alignment vertical="center"/>
    </xf>
    <xf numFmtId="0" fontId="5" fillId="0" borderId="0" xfId="0" applyFont="1" applyAlignment="1">
      <alignment horizontal="left" vertical="center"/>
    </xf>
    <xf numFmtId="0" fontId="5" fillId="0" borderId="0" xfId="0" applyFont="1">
      <alignment vertical="center"/>
    </xf>
    <xf numFmtId="0" fontId="5" fillId="0" borderId="0" xfId="0" applyFont="1" applyAlignment="1">
      <alignment vertical="center" wrapText="1"/>
    </xf>
    <xf numFmtId="0" fontId="0" fillId="0" borderId="0" xfId="0" applyAlignment="1">
      <alignment horizontal="right" vertical="center"/>
    </xf>
    <xf numFmtId="0" fontId="5" fillId="0" borderId="0" xfId="0" applyFont="1" applyAlignment="1">
      <alignment horizontal="right" vertical="center"/>
    </xf>
    <xf numFmtId="0" fontId="3" fillId="0" borderId="0" xfId="0" applyFont="1">
      <alignment vertical="center"/>
    </xf>
    <xf numFmtId="0" fontId="3" fillId="0" borderId="0" xfId="0" applyFont="1" applyAlignment="1">
      <alignment horizontal="left" vertical="center"/>
    </xf>
    <xf numFmtId="0" fontId="3" fillId="0" borderId="0" xfId="0" applyFont="1" applyAlignment="1">
      <alignment horizontal="right" vertical="center"/>
    </xf>
    <xf numFmtId="0" fontId="1" fillId="2" borderId="1" xfId="0" applyFont="1" applyFill="1" applyBorder="1">
      <alignment vertical="center"/>
    </xf>
    <xf numFmtId="0" fontId="1" fillId="2" borderId="2" xfId="0" applyFont="1" applyFill="1" applyBorder="1">
      <alignment vertical="center"/>
    </xf>
    <xf numFmtId="0" fontId="1" fillId="2" borderId="3" xfId="0" applyFont="1" applyFill="1" applyBorder="1">
      <alignment vertical="center"/>
    </xf>
    <xf numFmtId="0" fontId="1" fillId="0" borderId="4" xfId="0" applyFont="1" applyBorder="1">
      <alignment vertical="center"/>
    </xf>
    <xf numFmtId="0" fontId="1" fillId="0" borderId="7" xfId="0" applyFont="1" applyBorder="1" applyAlignment="1">
      <alignment vertical="center" wrapText="1"/>
    </xf>
    <xf numFmtId="49" fontId="1" fillId="0" borderId="8" xfId="0" applyNumberFormat="1" applyFont="1" applyBorder="1" applyAlignment="1">
      <alignment horizontal="right" vertical="center" wrapText="1"/>
    </xf>
    <xf numFmtId="0" fontId="5" fillId="0" borderId="9" xfId="0" applyFont="1" applyBorder="1" applyAlignment="1">
      <alignment vertical="center" wrapText="1"/>
    </xf>
    <xf numFmtId="0" fontId="1" fillId="0" borderId="10" xfId="0" applyFont="1" applyBorder="1" applyAlignment="1">
      <alignment vertical="center" wrapText="1"/>
    </xf>
    <xf numFmtId="0" fontId="5" fillId="0" borderId="11" xfId="0" applyFont="1" applyBorder="1" applyAlignment="1">
      <alignment vertical="center" wrapText="1"/>
    </xf>
    <xf numFmtId="0" fontId="1" fillId="0" borderId="14" xfId="0" applyFont="1" applyBorder="1" applyAlignment="1">
      <alignment vertical="center" wrapText="1"/>
    </xf>
    <xf numFmtId="0" fontId="1" fillId="0" borderId="15" xfId="0" applyFont="1" applyBorder="1" applyAlignment="1">
      <alignment horizontal="left" vertical="center" wrapText="1"/>
    </xf>
    <xf numFmtId="0" fontId="1" fillId="0" borderId="16" xfId="0" applyFont="1" applyBorder="1" applyAlignment="1">
      <alignment vertical="center" wrapText="1"/>
    </xf>
    <xf numFmtId="0" fontId="1" fillId="0" borderId="17" xfId="0" applyFont="1" applyBorder="1" applyAlignment="1">
      <alignment horizontal="left" vertical="center" wrapText="1"/>
    </xf>
    <xf numFmtId="0" fontId="5" fillId="0" borderId="18" xfId="0" applyFont="1" applyBorder="1" applyAlignment="1">
      <alignment vertical="center" wrapText="1"/>
    </xf>
    <xf numFmtId="0" fontId="7" fillId="0" borderId="0" xfId="1" applyFont="1" applyAlignment="1">
      <alignment vertical="center" wrapText="1"/>
    </xf>
    <xf numFmtId="0" fontId="7" fillId="0" borderId="0" xfId="1" applyFont="1">
      <alignment vertical="center"/>
    </xf>
    <xf numFmtId="49" fontId="1" fillId="0" borderId="8" xfId="0" quotePrefix="1" applyNumberFormat="1" applyFont="1" applyBorder="1" applyAlignment="1">
      <alignment horizontal="right" vertical="center" wrapText="1"/>
    </xf>
    <xf numFmtId="0" fontId="1" fillId="0" borderId="19" xfId="0" applyFont="1" applyBorder="1" applyAlignment="1">
      <alignment vertical="center" wrapText="1"/>
    </xf>
    <xf numFmtId="49" fontId="1" fillId="0" borderId="20" xfId="0" quotePrefix="1" applyNumberFormat="1" applyFont="1" applyBorder="1" applyAlignment="1">
      <alignment horizontal="right" vertical="center" wrapText="1"/>
    </xf>
    <xf numFmtId="0" fontId="5" fillId="0" borderId="21" xfId="0" applyFont="1" applyBorder="1" applyAlignment="1">
      <alignment vertical="center" wrapText="1"/>
    </xf>
    <xf numFmtId="0" fontId="5" fillId="0" borderId="0" xfId="0" applyFont="1" applyAlignment="1">
      <alignment horizontal="center" vertical="center" wrapText="1"/>
    </xf>
    <xf numFmtId="0" fontId="0" fillId="0" borderId="0" xfId="0" applyAlignment="1">
      <alignment horizontal="center" vertical="center" wrapText="1"/>
    </xf>
    <xf numFmtId="49" fontId="5" fillId="0" borderId="0" xfId="0" applyNumberFormat="1" applyFont="1" applyAlignment="1">
      <alignment horizontal="center" wrapText="1"/>
    </xf>
    <xf numFmtId="49" fontId="0" fillId="0" borderId="0" xfId="0" applyNumberFormat="1" applyAlignment="1">
      <alignment horizontal="center" vertical="center" wrapText="1"/>
    </xf>
    <xf numFmtId="49" fontId="8" fillId="0" borderId="0" xfId="0" applyNumberFormat="1" applyFont="1" applyAlignment="1">
      <alignment horizontal="left" vertical="top" wrapText="1"/>
    </xf>
    <xf numFmtId="49" fontId="5" fillId="0" borderId="23" xfId="0" applyNumberFormat="1" applyFont="1" applyBorder="1" applyAlignment="1">
      <alignment horizontal="center" vertical="center" wrapText="1"/>
    </xf>
    <xf numFmtId="49" fontId="5" fillId="0" borderId="24" xfId="0" applyNumberFormat="1" applyFont="1" applyBorder="1" applyAlignment="1">
      <alignment horizontal="center" vertical="center" wrapText="1"/>
    </xf>
    <xf numFmtId="49" fontId="5" fillId="0" borderId="7" xfId="0" applyNumberFormat="1" applyFont="1" applyBorder="1" applyAlignment="1">
      <alignment vertical="center" wrapText="1"/>
    </xf>
    <xf numFmtId="49" fontId="5" fillId="0" borderId="28" xfId="0" applyNumberFormat="1" applyFont="1" applyBorder="1" applyAlignment="1">
      <alignment vertical="center" wrapText="1"/>
    </xf>
    <xf numFmtId="49" fontId="5" fillId="2" borderId="25" xfId="0" applyNumberFormat="1" applyFont="1" applyFill="1" applyBorder="1" applyAlignment="1">
      <alignment vertical="center" wrapText="1"/>
    </xf>
    <xf numFmtId="176" fontId="8" fillId="2" borderId="26" xfId="0" applyNumberFormat="1" applyFont="1" applyFill="1" applyBorder="1">
      <alignment vertical="center"/>
    </xf>
    <xf numFmtId="177" fontId="8" fillId="2" borderId="26" xfId="0" applyNumberFormat="1" applyFont="1" applyFill="1" applyBorder="1">
      <alignment vertical="center"/>
    </xf>
    <xf numFmtId="177" fontId="8" fillId="2" borderId="27" xfId="0" applyNumberFormat="1" applyFont="1" applyFill="1" applyBorder="1">
      <alignment vertical="center"/>
    </xf>
    <xf numFmtId="176" fontId="8" fillId="0" borderId="8" xfId="0" applyNumberFormat="1" applyFont="1" applyBorder="1">
      <alignment vertical="center"/>
    </xf>
    <xf numFmtId="177" fontId="8" fillId="0" borderId="8" xfId="0" applyNumberFormat="1" applyFont="1" applyBorder="1">
      <alignment vertical="center"/>
    </xf>
    <xf numFmtId="177" fontId="8" fillId="0" borderId="9" xfId="0" applyNumberFormat="1" applyFont="1" applyBorder="1">
      <alignment vertical="center"/>
    </xf>
    <xf numFmtId="176" fontId="8" fillId="0" borderId="29" xfId="0" applyNumberFormat="1" applyFont="1" applyBorder="1">
      <alignment vertical="center"/>
    </xf>
    <xf numFmtId="177" fontId="8" fillId="0" borderId="29" xfId="0" applyNumberFormat="1" applyFont="1" applyBorder="1">
      <alignment vertical="center"/>
    </xf>
    <xf numFmtId="177" fontId="8" fillId="0" borderId="30" xfId="0" applyNumberFormat="1" applyFont="1" applyBorder="1">
      <alignment vertical="center"/>
    </xf>
    <xf numFmtId="0" fontId="8" fillId="0" borderId="0" xfId="0" applyFont="1" applyAlignment="1">
      <alignment horizontal="left" vertical="top" wrapText="1"/>
    </xf>
    <xf numFmtId="49" fontId="5" fillId="0" borderId="31" xfId="0" applyNumberFormat="1" applyFont="1" applyBorder="1" applyAlignment="1">
      <alignment horizontal="center" vertical="center" wrapText="1"/>
    </xf>
    <xf numFmtId="0" fontId="5" fillId="0" borderId="31" xfId="0" applyFont="1" applyBorder="1" applyAlignment="1">
      <alignment horizontal="center" vertical="center" wrapText="1"/>
    </xf>
    <xf numFmtId="0" fontId="5" fillId="0" borderId="24" xfId="0" applyFont="1" applyBorder="1" applyAlignment="1">
      <alignment horizontal="center" vertical="center" wrapText="1"/>
    </xf>
    <xf numFmtId="176" fontId="8" fillId="2" borderId="27" xfId="0" applyNumberFormat="1" applyFont="1" applyFill="1" applyBorder="1">
      <alignment vertical="center"/>
    </xf>
    <xf numFmtId="176" fontId="8" fillId="0" borderId="9" xfId="0" applyNumberFormat="1" applyFont="1" applyBorder="1">
      <alignment vertical="center"/>
    </xf>
    <xf numFmtId="176" fontId="8" fillId="0" borderId="30" xfId="0" applyNumberFormat="1" applyFont="1" applyBorder="1">
      <alignment vertical="center"/>
    </xf>
    <xf numFmtId="0" fontId="5" fillId="2" borderId="32" xfId="0" applyFont="1" applyFill="1" applyBorder="1">
      <alignment vertical="center"/>
    </xf>
    <xf numFmtId="0" fontId="1" fillId="2" borderId="33" xfId="0" applyFont="1" applyFill="1" applyBorder="1" applyAlignment="1">
      <alignment vertical="center" wrapText="1"/>
    </xf>
    <xf numFmtId="0" fontId="5" fillId="2" borderId="34" xfId="0" applyFont="1" applyFill="1" applyBorder="1">
      <alignment vertical="center"/>
    </xf>
    <xf numFmtId="0" fontId="7" fillId="0" borderId="7" xfId="1" applyFont="1" applyBorder="1">
      <alignment vertical="center"/>
    </xf>
    <xf numFmtId="0" fontId="1" fillId="0" borderId="8" xfId="0" applyFont="1" applyBorder="1" applyAlignment="1">
      <alignment vertical="center" wrapText="1"/>
    </xf>
    <xf numFmtId="0" fontId="7" fillId="0" borderId="28" xfId="1" applyFont="1" applyBorder="1">
      <alignment vertical="center"/>
    </xf>
    <xf numFmtId="0" fontId="1" fillId="0" borderId="29" xfId="0" applyFont="1" applyBorder="1" applyAlignment="1">
      <alignment vertical="center" wrapText="1"/>
    </xf>
    <xf numFmtId="0" fontId="5" fillId="0" borderId="30" xfId="0" applyFont="1" applyBorder="1" applyAlignment="1">
      <alignment vertical="center" wrapText="1"/>
    </xf>
    <xf numFmtId="0" fontId="3" fillId="0" borderId="0" xfId="0" applyFont="1" applyAlignment="1">
      <alignment horizontal="left" vertical="center" wrapText="1"/>
    </xf>
    <xf numFmtId="0" fontId="1" fillId="0" borderId="5" xfId="0" applyFont="1" applyBorder="1" applyAlignment="1">
      <alignment horizontal="left" vertical="center" wrapText="1"/>
    </xf>
    <xf numFmtId="0" fontId="1" fillId="0" borderId="6" xfId="0" applyFont="1" applyBorder="1" applyAlignment="1">
      <alignment horizontal="left" vertical="center" wrapText="1"/>
    </xf>
    <xf numFmtId="0" fontId="1" fillId="0" borderId="12" xfId="0" applyFont="1" applyBorder="1" applyAlignment="1">
      <alignment horizontal="left" vertical="center"/>
    </xf>
    <xf numFmtId="0" fontId="1" fillId="0" borderId="13" xfId="0" applyFont="1" applyBorder="1" applyAlignment="1">
      <alignment horizontal="left" vertical="center"/>
    </xf>
    <xf numFmtId="0" fontId="1" fillId="0" borderId="0" xfId="0" applyFont="1" applyAlignment="1">
      <alignment horizontal="left" vertical="center" shrinkToFit="1"/>
    </xf>
    <xf numFmtId="0" fontId="0" fillId="0" borderId="0" xfId="0" applyAlignment="1">
      <alignment horizontal="left" vertical="center" shrinkToFit="1"/>
    </xf>
    <xf numFmtId="0" fontId="5" fillId="0" borderId="22" xfId="0" applyFont="1" applyBorder="1" applyAlignment="1">
      <alignment horizontal="center" vertical="center" wrapText="1"/>
    </xf>
  </cellXfs>
  <cellStyles count="2">
    <cellStyle name="ハイパーリンク" xfId="1" builtinId="8"/>
    <cellStyle name="標準" xfId="0" builtinId="0" customBuiltin="1"/>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D90000"/>
      <rgbColor rgb="0030CA00"/>
      <rgbColor rgb="000000FF"/>
      <rgbColor rgb="00FFE600"/>
      <rgbColor rgb="00FF4650"/>
      <rgbColor rgb="0094FFFF"/>
      <rgbColor rgb="00800000"/>
      <rgbColor rgb="00006600"/>
      <rgbColor rgb="0027238C"/>
      <rgbColor rgb="00808000"/>
      <rgbColor rgb="00800080"/>
      <rgbColor rgb="00008080"/>
      <rgbColor rgb="00B2B2B2"/>
      <rgbColor rgb="00808080"/>
      <rgbColor rgb="0099D140"/>
      <rgbColor rgb="0030CA00"/>
      <rgbColor rgb="00006600"/>
      <rgbColor rgb="00FFFF99"/>
      <rgbColor rgb="00FFCC99"/>
      <rgbColor rgb="00F5C619"/>
      <rgbColor rgb="00FF7F00"/>
      <rgbColor rgb="00FF3200"/>
      <rgbColor rgb="00FF99CC"/>
      <rgbColor rgb="00FF4650"/>
      <rgbColor rgb="00D90000"/>
      <rgbColor rgb="00CCFFFF"/>
      <rgbColor rgb="0099CCFF"/>
      <rgbColor rgb="0033CCCC"/>
      <rgbColor rgb="003366FF"/>
      <rgbColor rgb="0027238C"/>
      <rgbColor rgb="0000CCFF"/>
      <rgbColor rgb="00CCFFFF"/>
      <rgbColor rgb="00CCFFCC"/>
      <rgbColor rgb="00FFFF99"/>
      <rgbColor rgb="0099CCFF"/>
      <rgbColor rgb="00FF99CC"/>
      <rgbColor rgb="00CC99FF"/>
      <rgbColor rgb="00FFCC99"/>
      <rgbColor rgb="003366FF"/>
      <rgbColor rgb="0033CCCC"/>
      <rgbColor rgb="0099D140"/>
      <rgbColor rgb="00F5C619"/>
      <rgbColor rgb="00FF7F00"/>
      <rgbColor rgb="00FF3200"/>
      <rgbColor rgb="00688CC0"/>
      <rgbColor rgb="00969696"/>
      <rgbColor rgb="00002244"/>
      <rgbColor rgb="00339966"/>
      <rgbColor rgb="00003300"/>
      <rgbColor rgb="00333300"/>
      <rgbColor rgb="00993300"/>
      <rgbColor rgb="00CC3399"/>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ECCED19-A07B-4B96-A8C1-6A8AAF905271}">
  <dimension ref="A1:C192"/>
  <sheetViews>
    <sheetView showGridLines="0" tabSelected="1" zoomScaleNormal="100" workbookViewId="0"/>
  </sheetViews>
  <sheetFormatPr defaultColWidth="9" defaultRowHeight="10.8" x14ac:dyDescent="0.2"/>
  <cols>
    <col min="1" max="1" width="5.109375" style="4" customWidth="1"/>
    <col min="2" max="2" width="75.6640625" style="1" customWidth="1"/>
    <col min="3" max="3" width="75.6640625" style="5" customWidth="1"/>
    <col min="4" max="255" width="9" style="4"/>
    <col min="256" max="256" width="5.109375" style="4" customWidth="1"/>
    <col min="257" max="257" width="11.44140625" style="4" customWidth="1"/>
    <col min="258" max="259" width="75.6640625" style="4" customWidth="1"/>
    <col min="260" max="511" width="9" style="4"/>
    <col min="512" max="512" width="5.109375" style="4" customWidth="1"/>
    <col min="513" max="513" width="11.44140625" style="4" customWidth="1"/>
    <col min="514" max="515" width="75.6640625" style="4" customWidth="1"/>
    <col min="516" max="767" width="9" style="4"/>
    <col min="768" max="768" width="5.109375" style="4" customWidth="1"/>
    <col min="769" max="769" width="11.44140625" style="4" customWidth="1"/>
    <col min="770" max="771" width="75.6640625" style="4" customWidth="1"/>
    <col min="772" max="1023" width="9" style="4"/>
    <col min="1024" max="1024" width="5.109375" style="4" customWidth="1"/>
    <col min="1025" max="1025" width="11.44140625" style="4" customWidth="1"/>
    <col min="1026" max="1027" width="75.6640625" style="4" customWidth="1"/>
    <col min="1028" max="1279" width="9" style="4"/>
    <col min="1280" max="1280" width="5.109375" style="4" customWidth="1"/>
    <col min="1281" max="1281" width="11.44140625" style="4" customWidth="1"/>
    <col min="1282" max="1283" width="75.6640625" style="4" customWidth="1"/>
    <col min="1284" max="1535" width="9" style="4"/>
    <col min="1536" max="1536" width="5.109375" style="4" customWidth="1"/>
    <col min="1537" max="1537" width="11.44140625" style="4" customWidth="1"/>
    <col min="1538" max="1539" width="75.6640625" style="4" customWidth="1"/>
    <col min="1540" max="1791" width="9" style="4"/>
    <col min="1792" max="1792" width="5.109375" style="4" customWidth="1"/>
    <col min="1793" max="1793" width="11.44140625" style="4" customWidth="1"/>
    <col min="1794" max="1795" width="75.6640625" style="4" customWidth="1"/>
    <col min="1796" max="2047" width="9" style="4"/>
    <col min="2048" max="2048" width="5.109375" style="4" customWidth="1"/>
    <col min="2049" max="2049" width="11.44140625" style="4" customWidth="1"/>
    <col min="2050" max="2051" width="75.6640625" style="4" customWidth="1"/>
    <col min="2052" max="2303" width="9" style="4"/>
    <col min="2304" max="2304" width="5.109375" style="4" customWidth="1"/>
    <col min="2305" max="2305" width="11.44140625" style="4" customWidth="1"/>
    <col min="2306" max="2307" width="75.6640625" style="4" customWidth="1"/>
    <col min="2308" max="2559" width="9" style="4"/>
    <col min="2560" max="2560" width="5.109375" style="4" customWidth="1"/>
    <col min="2561" max="2561" width="11.44140625" style="4" customWidth="1"/>
    <col min="2562" max="2563" width="75.6640625" style="4" customWidth="1"/>
    <col min="2564" max="2815" width="9" style="4"/>
    <col min="2816" max="2816" width="5.109375" style="4" customWidth="1"/>
    <col min="2817" max="2817" width="11.44140625" style="4" customWidth="1"/>
    <col min="2818" max="2819" width="75.6640625" style="4" customWidth="1"/>
    <col min="2820" max="3071" width="9" style="4"/>
    <col min="3072" max="3072" width="5.109375" style="4" customWidth="1"/>
    <col min="3073" max="3073" width="11.44140625" style="4" customWidth="1"/>
    <col min="3074" max="3075" width="75.6640625" style="4" customWidth="1"/>
    <col min="3076" max="3327" width="9" style="4"/>
    <col min="3328" max="3328" width="5.109375" style="4" customWidth="1"/>
    <col min="3329" max="3329" width="11.44140625" style="4" customWidth="1"/>
    <col min="3330" max="3331" width="75.6640625" style="4" customWidth="1"/>
    <col min="3332" max="3583" width="9" style="4"/>
    <col min="3584" max="3584" width="5.109375" style="4" customWidth="1"/>
    <col min="3585" max="3585" width="11.44140625" style="4" customWidth="1"/>
    <col min="3586" max="3587" width="75.6640625" style="4" customWidth="1"/>
    <col min="3588" max="3839" width="9" style="4"/>
    <col min="3840" max="3840" width="5.109375" style="4" customWidth="1"/>
    <col min="3841" max="3841" width="11.44140625" style="4" customWidth="1"/>
    <col min="3842" max="3843" width="75.6640625" style="4" customWidth="1"/>
    <col min="3844" max="4095" width="9" style="4"/>
    <col min="4096" max="4096" width="5.109375" style="4" customWidth="1"/>
    <col min="4097" max="4097" width="11.44140625" style="4" customWidth="1"/>
    <col min="4098" max="4099" width="75.6640625" style="4" customWidth="1"/>
    <col min="4100" max="4351" width="9" style="4"/>
    <col min="4352" max="4352" width="5.109375" style="4" customWidth="1"/>
    <col min="4353" max="4353" width="11.44140625" style="4" customWidth="1"/>
    <col min="4354" max="4355" width="75.6640625" style="4" customWidth="1"/>
    <col min="4356" max="4607" width="9" style="4"/>
    <col min="4608" max="4608" width="5.109375" style="4" customWidth="1"/>
    <col min="4609" max="4609" width="11.44140625" style="4" customWidth="1"/>
    <col min="4610" max="4611" width="75.6640625" style="4" customWidth="1"/>
    <col min="4612" max="4863" width="9" style="4"/>
    <col min="4864" max="4864" width="5.109375" style="4" customWidth="1"/>
    <col min="4865" max="4865" width="11.44140625" style="4" customWidth="1"/>
    <col min="4866" max="4867" width="75.6640625" style="4" customWidth="1"/>
    <col min="4868" max="5119" width="9" style="4"/>
    <col min="5120" max="5120" width="5.109375" style="4" customWidth="1"/>
    <col min="5121" max="5121" width="11.44140625" style="4" customWidth="1"/>
    <col min="5122" max="5123" width="75.6640625" style="4" customWidth="1"/>
    <col min="5124" max="5375" width="9" style="4"/>
    <col min="5376" max="5376" width="5.109375" style="4" customWidth="1"/>
    <col min="5377" max="5377" width="11.44140625" style="4" customWidth="1"/>
    <col min="5378" max="5379" width="75.6640625" style="4" customWidth="1"/>
    <col min="5380" max="5631" width="9" style="4"/>
    <col min="5632" max="5632" width="5.109375" style="4" customWidth="1"/>
    <col min="5633" max="5633" width="11.44140625" style="4" customWidth="1"/>
    <col min="5634" max="5635" width="75.6640625" style="4" customWidth="1"/>
    <col min="5636" max="5887" width="9" style="4"/>
    <col min="5888" max="5888" width="5.109375" style="4" customWidth="1"/>
    <col min="5889" max="5889" width="11.44140625" style="4" customWidth="1"/>
    <col min="5890" max="5891" width="75.6640625" style="4" customWidth="1"/>
    <col min="5892" max="6143" width="9" style="4"/>
    <col min="6144" max="6144" width="5.109375" style="4" customWidth="1"/>
    <col min="6145" max="6145" width="11.44140625" style="4" customWidth="1"/>
    <col min="6146" max="6147" width="75.6640625" style="4" customWidth="1"/>
    <col min="6148" max="6399" width="9" style="4"/>
    <col min="6400" max="6400" width="5.109375" style="4" customWidth="1"/>
    <col min="6401" max="6401" width="11.44140625" style="4" customWidth="1"/>
    <col min="6402" max="6403" width="75.6640625" style="4" customWidth="1"/>
    <col min="6404" max="6655" width="9" style="4"/>
    <col min="6656" max="6656" width="5.109375" style="4" customWidth="1"/>
    <col min="6657" max="6657" width="11.44140625" style="4" customWidth="1"/>
    <col min="6658" max="6659" width="75.6640625" style="4" customWidth="1"/>
    <col min="6660" max="6911" width="9" style="4"/>
    <col min="6912" max="6912" width="5.109375" style="4" customWidth="1"/>
    <col min="6913" max="6913" width="11.44140625" style="4" customWidth="1"/>
    <col min="6914" max="6915" width="75.6640625" style="4" customWidth="1"/>
    <col min="6916" max="7167" width="9" style="4"/>
    <col min="7168" max="7168" width="5.109375" style="4" customWidth="1"/>
    <col min="7169" max="7169" width="11.44140625" style="4" customWidth="1"/>
    <col min="7170" max="7171" width="75.6640625" style="4" customWidth="1"/>
    <col min="7172" max="7423" width="9" style="4"/>
    <col min="7424" max="7424" width="5.109375" style="4" customWidth="1"/>
    <col min="7425" max="7425" width="11.44140625" style="4" customWidth="1"/>
    <col min="7426" max="7427" width="75.6640625" style="4" customWidth="1"/>
    <col min="7428" max="7679" width="9" style="4"/>
    <col min="7680" max="7680" width="5.109375" style="4" customWidth="1"/>
    <col min="7681" max="7681" width="11.44140625" style="4" customWidth="1"/>
    <col min="7682" max="7683" width="75.6640625" style="4" customWidth="1"/>
    <col min="7684" max="7935" width="9" style="4"/>
    <col min="7936" max="7936" width="5.109375" style="4" customWidth="1"/>
    <col min="7937" max="7937" width="11.44140625" style="4" customWidth="1"/>
    <col min="7938" max="7939" width="75.6640625" style="4" customWidth="1"/>
    <col min="7940" max="8191" width="9" style="4"/>
    <col min="8192" max="8192" width="5.109375" style="4" customWidth="1"/>
    <col min="8193" max="8193" width="11.44140625" style="4" customWidth="1"/>
    <col min="8194" max="8195" width="75.6640625" style="4" customWidth="1"/>
    <col min="8196" max="8447" width="9" style="4"/>
    <col min="8448" max="8448" width="5.109375" style="4" customWidth="1"/>
    <col min="8449" max="8449" width="11.44140625" style="4" customWidth="1"/>
    <col min="8450" max="8451" width="75.6640625" style="4" customWidth="1"/>
    <col min="8452" max="8703" width="9" style="4"/>
    <col min="8704" max="8704" width="5.109375" style="4" customWidth="1"/>
    <col min="8705" max="8705" width="11.44140625" style="4" customWidth="1"/>
    <col min="8706" max="8707" width="75.6640625" style="4" customWidth="1"/>
    <col min="8708" max="8959" width="9" style="4"/>
    <col min="8960" max="8960" width="5.109375" style="4" customWidth="1"/>
    <col min="8961" max="8961" width="11.44140625" style="4" customWidth="1"/>
    <col min="8962" max="8963" width="75.6640625" style="4" customWidth="1"/>
    <col min="8964" max="9215" width="9" style="4"/>
    <col min="9216" max="9216" width="5.109375" style="4" customWidth="1"/>
    <col min="9217" max="9217" width="11.44140625" style="4" customWidth="1"/>
    <col min="9218" max="9219" width="75.6640625" style="4" customWidth="1"/>
    <col min="9220" max="9471" width="9" style="4"/>
    <col min="9472" max="9472" width="5.109375" style="4" customWidth="1"/>
    <col min="9473" max="9473" width="11.44140625" style="4" customWidth="1"/>
    <col min="9474" max="9475" width="75.6640625" style="4" customWidth="1"/>
    <col min="9476" max="9727" width="9" style="4"/>
    <col min="9728" max="9728" width="5.109375" style="4" customWidth="1"/>
    <col min="9729" max="9729" width="11.44140625" style="4" customWidth="1"/>
    <col min="9730" max="9731" width="75.6640625" style="4" customWidth="1"/>
    <col min="9732" max="9983" width="9" style="4"/>
    <col min="9984" max="9984" width="5.109375" style="4" customWidth="1"/>
    <col min="9985" max="9985" width="11.44140625" style="4" customWidth="1"/>
    <col min="9986" max="9987" width="75.6640625" style="4" customWidth="1"/>
    <col min="9988" max="10239" width="9" style="4"/>
    <col min="10240" max="10240" width="5.109375" style="4" customWidth="1"/>
    <col min="10241" max="10241" width="11.44140625" style="4" customWidth="1"/>
    <col min="10242" max="10243" width="75.6640625" style="4" customWidth="1"/>
    <col min="10244" max="10495" width="9" style="4"/>
    <col min="10496" max="10496" width="5.109375" style="4" customWidth="1"/>
    <col min="10497" max="10497" width="11.44140625" style="4" customWidth="1"/>
    <col min="10498" max="10499" width="75.6640625" style="4" customWidth="1"/>
    <col min="10500" max="10751" width="9" style="4"/>
    <col min="10752" max="10752" width="5.109375" style="4" customWidth="1"/>
    <col min="10753" max="10753" width="11.44140625" style="4" customWidth="1"/>
    <col min="10754" max="10755" width="75.6640625" style="4" customWidth="1"/>
    <col min="10756" max="11007" width="9" style="4"/>
    <col min="11008" max="11008" width="5.109375" style="4" customWidth="1"/>
    <col min="11009" max="11009" width="11.44140625" style="4" customWidth="1"/>
    <col min="11010" max="11011" width="75.6640625" style="4" customWidth="1"/>
    <col min="11012" max="11263" width="9" style="4"/>
    <col min="11264" max="11264" width="5.109375" style="4" customWidth="1"/>
    <col min="11265" max="11265" width="11.44140625" style="4" customWidth="1"/>
    <col min="11266" max="11267" width="75.6640625" style="4" customWidth="1"/>
    <col min="11268" max="11519" width="9" style="4"/>
    <col min="11520" max="11520" width="5.109375" style="4" customWidth="1"/>
    <col min="11521" max="11521" width="11.44140625" style="4" customWidth="1"/>
    <col min="11522" max="11523" width="75.6640625" style="4" customWidth="1"/>
    <col min="11524" max="11775" width="9" style="4"/>
    <col min="11776" max="11776" width="5.109375" style="4" customWidth="1"/>
    <col min="11777" max="11777" width="11.44140625" style="4" customWidth="1"/>
    <col min="11778" max="11779" width="75.6640625" style="4" customWidth="1"/>
    <col min="11780" max="12031" width="9" style="4"/>
    <col min="12032" max="12032" width="5.109375" style="4" customWidth="1"/>
    <col min="12033" max="12033" width="11.44140625" style="4" customWidth="1"/>
    <col min="12034" max="12035" width="75.6640625" style="4" customWidth="1"/>
    <col min="12036" max="12287" width="9" style="4"/>
    <col min="12288" max="12288" width="5.109375" style="4" customWidth="1"/>
    <col min="12289" max="12289" width="11.44140625" style="4" customWidth="1"/>
    <col min="12290" max="12291" width="75.6640625" style="4" customWidth="1"/>
    <col min="12292" max="12543" width="9" style="4"/>
    <col min="12544" max="12544" width="5.109375" style="4" customWidth="1"/>
    <col min="12545" max="12545" width="11.44140625" style="4" customWidth="1"/>
    <col min="12546" max="12547" width="75.6640625" style="4" customWidth="1"/>
    <col min="12548" max="12799" width="9" style="4"/>
    <col min="12800" max="12800" width="5.109375" style="4" customWidth="1"/>
    <col min="12801" max="12801" width="11.44140625" style="4" customWidth="1"/>
    <col min="12802" max="12803" width="75.6640625" style="4" customWidth="1"/>
    <col min="12804" max="13055" width="9" style="4"/>
    <col min="13056" max="13056" width="5.109375" style="4" customWidth="1"/>
    <col min="13057" max="13057" width="11.44140625" style="4" customWidth="1"/>
    <col min="13058" max="13059" width="75.6640625" style="4" customWidth="1"/>
    <col min="13060" max="13311" width="9" style="4"/>
    <col min="13312" max="13312" width="5.109375" style="4" customWidth="1"/>
    <col min="13313" max="13313" width="11.44140625" style="4" customWidth="1"/>
    <col min="13314" max="13315" width="75.6640625" style="4" customWidth="1"/>
    <col min="13316" max="13567" width="9" style="4"/>
    <col min="13568" max="13568" width="5.109375" style="4" customWidth="1"/>
    <col min="13569" max="13569" width="11.44140625" style="4" customWidth="1"/>
    <col min="13570" max="13571" width="75.6640625" style="4" customWidth="1"/>
    <col min="13572" max="13823" width="9" style="4"/>
    <col min="13824" max="13824" width="5.109375" style="4" customWidth="1"/>
    <col min="13825" max="13825" width="11.44140625" style="4" customWidth="1"/>
    <col min="13826" max="13827" width="75.6640625" style="4" customWidth="1"/>
    <col min="13828" max="14079" width="9" style="4"/>
    <col min="14080" max="14080" width="5.109375" style="4" customWidth="1"/>
    <col min="14081" max="14081" width="11.44140625" style="4" customWidth="1"/>
    <col min="14082" max="14083" width="75.6640625" style="4" customWidth="1"/>
    <col min="14084" max="14335" width="9" style="4"/>
    <col min="14336" max="14336" width="5.109375" style="4" customWidth="1"/>
    <col min="14337" max="14337" width="11.44140625" style="4" customWidth="1"/>
    <col min="14338" max="14339" width="75.6640625" style="4" customWidth="1"/>
    <col min="14340" max="14591" width="9" style="4"/>
    <col min="14592" max="14592" width="5.109375" style="4" customWidth="1"/>
    <col min="14593" max="14593" width="11.44140625" style="4" customWidth="1"/>
    <col min="14594" max="14595" width="75.6640625" style="4" customWidth="1"/>
    <col min="14596" max="14847" width="9" style="4"/>
    <col min="14848" max="14848" width="5.109375" style="4" customWidth="1"/>
    <col min="14849" max="14849" width="11.44140625" style="4" customWidth="1"/>
    <col min="14850" max="14851" width="75.6640625" style="4" customWidth="1"/>
    <col min="14852" max="15103" width="9" style="4"/>
    <col min="15104" max="15104" width="5.109375" style="4" customWidth="1"/>
    <col min="15105" max="15105" width="11.44140625" style="4" customWidth="1"/>
    <col min="15106" max="15107" width="75.6640625" style="4" customWidth="1"/>
    <col min="15108" max="15359" width="9" style="4"/>
    <col min="15360" max="15360" width="5.109375" style="4" customWidth="1"/>
    <col min="15361" max="15361" width="11.44140625" style="4" customWidth="1"/>
    <col min="15362" max="15363" width="75.6640625" style="4" customWidth="1"/>
    <col min="15364" max="15615" width="9" style="4"/>
    <col min="15616" max="15616" width="5.109375" style="4" customWidth="1"/>
    <col min="15617" max="15617" width="11.44140625" style="4" customWidth="1"/>
    <col min="15618" max="15619" width="75.6640625" style="4" customWidth="1"/>
    <col min="15620" max="15871" width="9" style="4"/>
    <col min="15872" max="15872" width="5.109375" style="4" customWidth="1"/>
    <col min="15873" max="15873" width="11.44140625" style="4" customWidth="1"/>
    <col min="15874" max="15875" width="75.6640625" style="4" customWidth="1"/>
    <col min="15876" max="16127" width="9" style="4"/>
    <col min="16128" max="16128" width="5.109375" style="4" customWidth="1"/>
    <col min="16129" max="16129" width="11.44140625" style="4" customWidth="1"/>
    <col min="16130" max="16131" width="75.6640625" style="4" customWidth="1"/>
    <col min="16132" max="16384" width="9" style="4"/>
  </cols>
  <sheetData>
    <row r="1" spans="1:3" s="2" customFormat="1" ht="14.4" x14ac:dyDescent="0.2">
      <c r="A1" s="1"/>
      <c r="B1" s="65" t="s">
        <v>20</v>
      </c>
      <c r="C1" s="65"/>
    </row>
    <row r="2" spans="1:3" x14ac:dyDescent="0.2">
      <c r="A2" s="3"/>
      <c r="B2" s="3" t="s">
        <v>21</v>
      </c>
      <c r="C2" s="4"/>
    </row>
    <row r="3" spans="1:3" ht="11.25" customHeight="1" x14ac:dyDescent="0.2">
      <c r="A3" s="3"/>
      <c r="B3" s="4" t="s">
        <v>22</v>
      </c>
      <c r="C3" s="4"/>
    </row>
    <row r="4" spans="1:3" ht="11.25" customHeight="1" x14ac:dyDescent="0.2">
      <c r="B4" s="5" t="s">
        <v>23</v>
      </c>
      <c r="C4" s="4"/>
    </row>
    <row r="5" spans="1:3" ht="11.25" customHeight="1" x14ac:dyDescent="0.2">
      <c r="B5" s="25" t="s">
        <v>24</v>
      </c>
      <c r="C5" s="4"/>
    </row>
    <row r="6" spans="1:3" x14ac:dyDescent="0.2">
      <c r="A6" s="57"/>
      <c r="B6" s="58" t="s">
        <v>0</v>
      </c>
      <c r="C6" s="59" t="s">
        <v>1</v>
      </c>
    </row>
    <row r="7" spans="1:3" x14ac:dyDescent="0.2">
      <c r="A7" s="60" t="s">
        <v>834</v>
      </c>
      <c r="B7" s="61" t="s">
        <v>36</v>
      </c>
      <c r="C7" s="17" t="s">
        <v>37</v>
      </c>
    </row>
    <row r="8" spans="1:3" x14ac:dyDescent="0.2">
      <c r="A8" s="60" t="s">
        <v>834</v>
      </c>
      <c r="B8" s="61" t="s">
        <v>52</v>
      </c>
      <c r="C8" s="17" t="s">
        <v>37</v>
      </c>
    </row>
    <row r="9" spans="1:3" x14ac:dyDescent="0.2">
      <c r="A9" s="60" t="s">
        <v>834</v>
      </c>
      <c r="B9" s="61" t="s">
        <v>53</v>
      </c>
      <c r="C9" s="17" t="s">
        <v>37</v>
      </c>
    </row>
    <row r="10" spans="1:3" x14ac:dyDescent="0.2">
      <c r="A10" s="60" t="s">
        <v>834</v>
      </c>
      <c r="B10" s="61" t="s">
        <v>54</v>
      </c>
      <c r="C10" s="17" t="s">
        <v>37</v>
      </c>
    </row>
    <row r="11" spans="1:3" x14ac:dyDescent="0.2">
      <c r="A11" s="60" t="s">
        <v>834</v>
      </c>
      <c r="B11" s="61"/>
      <c r="C11" s="17" t="s">
        <v>37</v>
      </c>
    </row>
    <row r="12" spans="1:3" x14ac:dyDescent="0.2">
      <c r="A12" s="60" t="s">
        <v>834</v>
      </c>
      <c r="B12" s="61" t="s">
        <v>55</v>
      </c>
      <c r="C12" s="17" t="s">
        <v>37</v>
      </c>
    </row>
    <row r="13" spans="1:3" x14ac:dyDescent="0.2">
      <c r="A13" s="60" t="s">
        <v>834</v>
      </c>
      <c r="B13" s="61" t="s">
        <v>57</v>
      </c>
      <c r="C13" s="17" t="s">
        <v>37</v>
      </c>
    </row>
    <row r="14" spans="1:3" x14ac:dyDescent="0.2">
      <c r="A14" s="60" t="s">
        <v>834</v>
      </c>
      <c r="B14" s="61" t="s">
        <v>58</v>
      </c>
      <c r="C14" s="17" t="s">
        <v>37</v>
      </c>
    </row>
    <row r="15" spans="1:3" x14ac:dyDescent="0.2">
      <c r="A15" s="60" t="s">
        <v>834</v>
      </c>
      <c r="B15" s="61" t="s">
        <v>59</v>
      </c>
      <c r="C15" s="17" t="s">
        <v>37</v>
      </c>
    </row>
    <row r="16" spans="1:3" x14ac:dyDescent="0.2">
      <c r="A16" s="60" t="s">
        <v>834</v>
      </c>
      <c r="B16" s="61" t="s">
        <v>61</v>
      </c>
      <c r="C16" s="17" t="s">
        <v>37</v>
      </c>
    </row>
    <row r="17" spans="1:3" x14ac:dyDescent="0.2">
      <c r="A17" s="60" t="s">
        <v>834</v>
      </c>
      <c r="B17" s="61" t="s">
        <v>62</v>
      </c>
      <c r="C17" s="17" t="s">
        <v>37</v>
      </c>
    </row>
    <row r="18" spans="1:3" x14ac:dyDescent="0.2">
      <c r="A18" s="60" t="s">
        <v>834</v>
      </c>
      <c r="B18" s="61" t="s">
        <v>63</v>
      </c>
      <c r="C18" s="17" t="s">
        <v>37</v>
      </c>
    </row>
    <row r="19" spans="1:3" x14ac:dyDescent="0.2">
      <c r="A19" s="60" t="s">
        <v>834</v>
      </c>
      <c r="B19" s="61" t="s">
        <v>65</v>
      </c>
      <c r="C19" s="17" t="s">
        <v>37</v>
      </c>
    </row>
    <row r="20" spans="1:3" x14ac:dyDescent="0.2">
      <c r="A20" s="60" t="s">
        <v>834</v>
      </c>
      <c r="B20" s="61" t="s">
        <v>66</v>
      </c>
      <c r="C20" s="17" t="s">
        <v>37</v>
      </c>
    </row>
    <row r="21" spans="1:3" x14ac:dyDescent="0.2">
      <c r="A21" s="60" t="s">
        <v>834</v>
      </c>
      <c r="B21" s="61" t="s">
        <v>67</v>
      </c>
      <c r="C21" s="17" t="s">
        <v>37</v>
      </c>
    </row>
    <row r="22" spans="1:3" x14ac:dyDescent="0.2">
      <c r="A22" s="60" t="s">
        <v>834</v>
      </c>
      <c r="B22" s="61" t="s">
        <v>69</v>
      </c>
      <c r="C22" s="17" t="s">
        <v>37</v>
      </c>
    </row>
    <row r="23" spans="1:3" x14ac:dyDescent="0.2">
      <c r="A23" s="60" t="s">
        <v>834</v>
      </c>
      <c r="B23" s="61" t="s">
        <v>70</v>
      </c>
      <c r="C23" s="17" t="s">
        <v>37</v>
      </c>
    </row>
    <row r="24" spans="1:3" x14ac:dyDescent="0.2">
      <c r="A24" s="60" t="s">
        <v>834</v>
      </c>
      <c r="B24" s="61" t="s">
        <v>71</v>
      </c>
      <c r="C24" s="17" t="s">
        <v>37</v>
      </c>
    </row>
    <row r="25" spans="1:3" x14ac:dyDescent="0.2">
      <c r="A25" s="60" t="s">
        <v>834</v>
      </c>
      <c r="B25" s="61" t="s">
        <v>73</v>
      </c>
      <c r="C25" s="17" t="s">
        <v>37</v>
      </c>
    </row>
    <row r="26" spans="1:3" x14ac:dyDescent="0.2">
      <c r="A26" s="60" t="s">
        <v>834</v>
      </c>
      <c r="B26" s="61" t="s">
        <v>74</v>
      </c>
      <c r="C26" s="17" t="s">
        <v>37</v>
      </c>
    </row>
    <row r="27" spans="1:3" x14ac:dyDescent="0.2">
      <c r="A27" s="60" t="s">
        <v>834</v>
      </c>
      <c r="B27" s="61" t="s">
        <v>75</v>
      </c>
      <c r="C27" s="17" t="s">
        <v>37</v>
      </c>
    </row>
    <row r="28" spans="1:3" x14ac:dyDescent="0.2">
      <c r="A28" s="60" t="s">
        <v>834</v>
      </c>
      <c r="B28" s="61" t="s">
        <v>76</v>
      </c>
      <c r="C28" s="17" t="s">
        <v>37</v>
      </c>
    </row>
    <row r="29" spans="1:3" x14ac:dyDescent="0.2">
      <c r="A29" s="60" t="s">
        <v>834</v>
      </c>
      <c r="B29" s="61" t="s">
        <v>78</v>
      </c>
      <c r="C29" s="17" t="s">
        <v>37</v>
      </c>
    </row>
    <row r="30" spans="1:3" x14ac:dyDescent="0.2">
      <c r="A30" s="60" t="s">
        <v>834</v>
      </c>
      <c r="B30" s="61" t="s">
        <v>79</v>
      </c>
      <c r="C30" s="17" t="s">
        <v>37</v>
      </c>
    </row>
    <row r="31" spans="1:3" x14ac:dyDescent="0.2">
      <c r="A31" s="60" t="s">
        <v>834</v>
      </c>
      <c r="B31" s="61" t="s">
        <v>81</v>
      </c>
      <c r="C31" s="17" t="s">
        <v>37</v>
      </c>
    </row>
    <row r="32" spans="1:3" x14ac:dyDescent="0.2">
      <c r="A32" s="60" t="s">
        <v>834</v>
      </c>
      <c r="B32" s="61" t="s">
        <v>82</v>
      </c>
      <c r="C32" s="17" t="s">
        <v>37</v>
      </c>
    </row>
    <row r="33" spans="1:3" x14ac:dyDescent="0.2">
      <c r="A33" s="60" t="s">
        <v>834</v>
      </c>
      <c r="B33" s="61" t="s">
        <v>84</v>
      </c>
      <c r="C33" s="17" t="s">
        <v>37</v>
      </c>
    </row>
    <row r="34" spans="1:3" x14ac:dyDescent="0.2">
      <c r="A34" s="60" t="s">
        <v>834</v>
      </c>
      <c r="B34" s="61" t="s">
        <v>85</v>
      </c>
      <c r="C34" s="17" t="s">
        <v>37</v>
      </c>
    </row>
    <row r="35" spans="1:3" x14ac:dyDescent="0.2">
      <c r="A35" s="60" t="s">
        <v>834</v>
      </c>
      <c r="B35" s="61" t="s">
        <v>87</v>
      </c>
      <c r="C35" s="17" t="s">
        <v>37</v>
      </c>
    </row>
    <row r="36" spans="1:3" x14ac:dyDescent="0.2">
      <c r="A36" s="60" t="s">
        <v>834</v>
      </c>
      <c r="B36" s="61" t="s">
        <v>88</v>
      </c>
      <c r="C36" s="17" t="s">
        <v>37</v>
      </c>
    </row>
    <row r="37" spans="1:3" x14ac:dyDescent="0.2">
      <c r="A37" s="60" t="s">
        <v>834</v>
      </c>
      <c r="B37" s="61" t="s">
        <v>90</v>
      </c>
      <c r="C37" s="17" t="s">
        <v>37</v>
      </c>
    </row>
    <row r="38" spans="1:3" ht="21.6" x14ac:dyDescent="0.2">
      <c r="A38" s="60" t="s">
        <v>834</v>
      </c>
      <c r="B38" s="61" t="s">
        <v>92</v>
      </c>
      <c r="C38" s="17" t="s">
        <v>37</v>
      </c>
    </row>
    <row r="39" spans="1:3" ht="21.6" x14ac:dyDescent="0.2">
      <c r="A39" s="60" t="s">
        <v>834</v>
      </c>
      <c r="B39" s="61" t="s">
        <v>93</v>
      </c>
      <c r="C39" s="17" t="s">
        <v>37</v>
      </c>
    </row>
    <row r="40" spans="1:3" x14ac:dyDescent="0.2">
      <c r="A40" s="60" t="s">
        <v>834</v>
      </c>
      <c r="B40" s="61" t="s">
        <v>94</v>
      </c>
      <c r="C40" s="17" t="s">
        <v>37</v>
      </c>
    </row>
    <row r="41" spans="1:3" x14ac:dyDescent="0.2">
      <c r="A41" s="60" t="s">
        <v>834</v>
      </c>
      <c r="B41" s="61" t="s">
        <v>96</v>
      </c>
      <c r="C41" s="17" t="s">
        <v>37</v>
      </c>
    </row>
    <row r="42" spans="1:3" x14ac:dyDescent="0.2">
      <c r="A42" s="60" t="s">
        <v>834</v>
      </c>
      <c r="B42" s="61" t="s">
        <v>97</v>
      </c>
      <c r="C42" s="17" t="s">
        <v>37</v>
      </c>
    </row>
    <row r="43" spans="1:3" x14ac:dyDescent="0.2">
      <c r="A43" s="60" t="s">
        <v>834</v>
      </c>
      <c r="B43" s="61" t="s">
        <v>99</v>
      </c>
      <c r="C43" s="17" t="s">
        <v>37</v>
      </c>
    </row>
    <row r="44" spans="1:3" x14ac:dyDescent="0.2">
      <c r="A44" s="60" t="s">
        <v>834</v>
      </c>
      <c r="B44" s="61" t="s">
        <v>100</v>
      </c>
      <c r="C44" s="17" t="s">
        <v>37</v>
      </c>
    </row>
    <row r="45" spans="1:3" x14ac:dyDescent="0.2">
      <c r="A45" s="60" t="s">
        <v>834</v>
      </c>
      <c r="B45" s="61" t="s">
        <v>102</v>
      </c>
      <c r="C45" s="17" t="s">
        <v>37</v>
      </c>
    </row>
    <row r="46" spans="1:3" x14ac:dyDescent="0.2">
      <c r="A46" s="60" t="s">
        <v>834</v>
      </c>
      <c r="B46" s="61" t="s">
        <v>103</v>
      </c>
      <c r="C46" s="17" t="s">
        <v>37</v>
      </c>
    </row>
    <row r="47" spans="1:3" x14ac:dyDescent="0.2">
      <c r="A47" s="60" t="s">
        <v>834</v>
      </c>
      <c r="B47" s="61" t="s">
        <v>105</v>
      </c>
      <c r="C47" s="17" t="s">
        <v>37</v>
      </c>
    </row>
    <row r="48" spans="1:3" x14ac:dyDescent="0.2">
      <c r="A48" s="60" t="s">
        <v>834</v>
      </c>
      <c r="B48" s="61" t="s">
        <v>106</v>
      </c>
      <c r="C48" s="17" t="s">
        <v>37</v>
      </c>
    </row>
    <row r="49" spans="1:3" x14ac:dyDescent="0.2">
      <c r="A49" s="60" t="s">
        <v>834</v>
      </c>
      <c r="B49" s="61" t="s">
        <v>108</v>
      </c>
      <c r="C49" s="17" t="s">
        <v>37</v>
      </c>
    </row>
    <row r="50" spans="1:3" x14ac:dyDescent="0.2">
      <c r="A50" s="60" t="s">
        <v>834</v>
      </c>
      <c r="B50" s="61" t="s">
        <v>109</v>
      </c>
      <c r="C50" s="17" t="s">
        <v>37</v>
      </c>
    </row>
    <row r="51" spans="1:3" x14ac:dyDescent="0.2">
      <c r="A51" s="60" t="s">
        <v>834</v>
      </c>
      <c r="B51" s="61" t="s">
        <v>111</v>
      </c>
      <c r="C51" s="17" t="s">
        <v>37</v>
      </c>
    </row>
    <row r="52" spans="1:3" x14ac:dyDescent="0.2">
      <c r="A52" s="60" t="s">
        <v>834</v>
      </c>
      <c r="B52" s="61" t="s">
        <v>112</v>
      </c>
      <c r="C52" s="17" t="s">
        <v>37</v>
      </c>
    </row>
    <row r="53" spans="1:3" x14ac:dyDescent="0.2">
      <c r="A53" s="60" t="s">
        <v>834</v>
      </c>
      <c r="B53" s="61" t="s">
        <v>114</v>
      </c>
      <c r="C53" s="17" t="s">
        <v>37</v>
      </c>
    </row>
    <row r="54" spans="1:3" x14ac:dyDescent="0.2">
      <c r="A54" s="60" t="s">
        <v>834</v>
      </c>
      <c r="B54" s="61" t="s">
        <v>115</v>
      </c>
      <c r="C54" s="17" t="s">
        <v>37</v>
      </c>
    </row>
    <row r="55" spans="1:3" x14ac:dyDescent="0.2">
      <c r="A55" s="60" t="s">
        <v>834</v>
      </c>
      <c r="B55" s="61" t="s">
        <v>117</v>
      </c>
      <c r="C55" s="17" t="s">
        <v>37</v>
      </c>
    </row>
    <row r="56" spans="1:3" x14ac:dyDescent="0.2">
      <c r="A56" s="60" t="s">
        <v>834</v>
      </c>
      <c r="B56" s="61" t="s">
        <v>118</v>
      </c>
      <c r="C56" s="17" t="s">
        <v>37</v>
      </c>
    </row>
    <row r="57" spans="1:3" x14ac:dyDescent="0.2">
      <c r="A57" s="60" t="s">
        <v>834</v>
      </c>
      <c r="B57" s="61" t="s">
        <v>120</v>
      </c>
      <c r="C57" s="17" t="s">
        <v>37</v>
      </c>
    </row>
    <row r="58" spans="1:3" x14ac:dyDescent="0.2">
      <c r="A58" s="60" t="s">
        <v>834</v>
      </c>
      <c r="B58" s="61" t="s">
        <v>121</v>
      </c>
      <c r="C58" s="17" t="s">
        <v>37</v>
      </c>
    </row>
    <row r="59" spans="1:3" x14ac:dyDescent="0.2">
      <c r="A59" s="60" t="s">
        <v>834</v>
      </c>
      <c r="B59" s="61" t="s">
        <v>123</v>
      </c>
      <c r="C59" s="17" t="s">
        <v>37</v>
      </c>
    </row>
    <row r="60" spans="1:3" x14ac:dyDescent="0.2">
      <c r="A60" s="60" t="s">
        <v>834</v>
      </c>
      <c r="B60" s="61" t="s">
        <v>124</v>
      </c>
      <c r="C60" s="17" t="s">
        <v>37</v>
      </c>
    </row>
    <row r="61" spans="1:3" x14ac:dyDescent="0.2">
      <c r="A61" s="60" t="s">
        <v>834</v>
      </c>
      <c r="B61" s="61" t="s">
        <v>126</v>
      </c>
      <c r="C61" s="17" t="s">
        <v>37</v>
      </c>
    </row>
    <row r="62" spans="1:3" x14ac:dyDescent="0.2">
      <c r="A62" s="60" t="s">
        <v>834</v>
      </c>
      <c r="B62" s="61" t="s">
        <v>127</v>
      </c>
      <c r="C62" s="17" t="s">
        <v>37</v>
      </c>
    </row>
    <row r="63" spans="1:3" x14ac:dyDescent="0.2">
      <c r="A63" s="60" t="s">
        <v>834</v>
      </c>
      <c r="B63" s="61" t="s">
        <v>129</v>
      </c>
      <c r="C63" s="17" t="s">
        <v>37</v>
      </c>
    </row>
    <row r="64" spans="1:3" x14ac:dyDescent="0.2">
      <c r="A64" s="60" t="s">
        <v>834</v>
      </c>
      <c r="B64" s="61" t="s">
        <v>130</v>
      </c>
      <c r="C64" s="17" t="s">
        <v>37</v>
      </c>
    </row>
    <row r="65" spans="1:3" x14ac:dyDescent="0.2">
      <c r="A65" s="60" t="s">
        <v>834</v>
      </c>
      <c r="B65" s="61" t="s">
        <v>132</v>
      </c>
      <c r="C65" s="17" t="s">
        <v>37</v>
      </c>
    </row>
    <row r="66" spans="1:3" x14ac:dyDescent="0.2">
      <c r="A66" s="60" t="s">
        <v>834</v>
      </c>
      <c r="B66" s="61" t="s">
        <v>134</v>
      </c>
      <c r="C66" s="17" t="s">
        <v>37</v>
      </c>
    </row>
    <row r="67" spans="1:3" x14ac:dyDescent="0.2">
      <c r="A67" s="60" t="s">
        <v>834</v>
      </c>
      <c r="B67" s="61" t="s">
        <v>136</v>
      </c>
      <c r="C67" s="17" t="s">
        <v>37</v>
      </c>
    </row>
    <row r="68" spans="1:3" x14ac:dyDescent="0.2">
      <c r="A68" s="60" t="s">
        <v>834</v>
      </c>
      <c r="B68" s="61" t="s">
        <v>138</v>
      </c>
      <c r="C68" s="17" t="s">
        <v>37</v>
      </c>
    </row>
    <row r="69" spans="1:3" x14ac:dyDescent="0.2">
      <c r="A69" s="60" t="s">
        <v>834</v>
      </c>
      <c r="B69" s="61" t="s">
        <v>140</v>
      </c>
      <c r="C69" s="17" t="s">
        <v>37</v>
      </c>
    </row>
    <row r="70" spans="1:3" x14ac:dyDescent="0.2">
      <c r="A70" s="60" t="s">
        <v>834</v>
      </c>
      <c r="B70" s="61" t="s">
        <v>142</v>
      </c>
      <c r="C70" s="17" t="s">
        <v>37</v>
      </c>
    </row>
    <row r="71" spans="1:3" x14ac:dyDescent="0.2">
      <c r="A71" s="60" t="s">
        <v>834</v>
      </c>
      <c r="B71" s="61" t="s">
        <v>144</v>
      </c>
      <c r="C71" s="17" t="s">
        <v>37</v>
      </c>
    </row>
    <row r="72" spans="1:3" x14ac:dyDescent="0.2">
      <c r="A72" s="60" t="s">
        <v>834</v>
      </c>
      <c r="B72" s="61" t="s">
        <v>146</v>
      </c>
      <c r="C72" s="17" t="s">
        <v>37</v>
      </c>
    </row>
    <row r="73" spans="1:3" x14ac:dyDescent="0.2">
      <c r="A73" s="60" t="s">
        <v>834</v>
      </c>
      <c r="B73" s="61" t="s">
        <v>148</v>
      </c>
      <c r="C73" s="17" t="s">
        <v>37</v>
      </c>
    </row>
    <row r="74" spans="1:3" x14ac:dyDescent="0.2">
      <c r="A74" s="60" t="s">
        <v>834</v>
      </c>
      <c r="B74" s="61" t="s">
        <v>150</v>
      </c>
      <c r="C74" s="17" t="s">
        <v>37</v>
      </c>
    </row>
    <row r="75" spans="1:3" x14ac:dyDescent="0.2">
      <c r="A75" s="60" t="s">
        <v>834</v>
      </c>
      <c r="B75" s="61" t="s">
        <v>151</v>
      </c>
      <c r="C75" s="17" t="s">
        <v>37</v>
      </c>
    </row>
    <row r="76" spans="1:3" ht="21.6" x14ac:dyDescent="0.2">
      <c r="A76" s="60" t="s">
        <v>834</v>
      </c>
      <c r="B76" s="61" t="s">
        <v>152</v>
      </c>
      <c r="C76" s="17" t="s">
        <v>37</v>
      </c>
    </row>
    <row r="77" spans="1:3" x14ac:dyDescent="0.2">
      <c r="A77" s="60" t="s">
        <v>834</v>
      </c>
      <c r="B77" s="61" t="s">
        <v>153</v>
      </c>
      <c r="C77" s="17" t="s">
        <v>37</v>
      </c>
    </row>
    <row r="78" spans="1:3" x14ac:dyDescent="0.2">
      <c r="A78" s="60" t="s">
        <v>834</v>
      </c>
      <c r="B78" s="61" t="s">
        <v>154</v>
      </c>
      <c r="C78" s="17" t="s">
        <v>37</v>
      </c>
    </row>
    <row r="79" spans="1:3" x14ac:dyDescent="0.2">
      <c r="A79" s="60" t="s">
        <v>834</v>
      </c>
      <c r="B79" s="61" t="s">
        <v>155</v>
      </c>
      <c r="C79" s="17" t="s">
        <v>37</v>
      </c>
    </row>
    <row r="80" spans="1:3" x14ac:dyDescent="0.2">
      <c r="A80" s="60" t="s">
        <v>834</v>
      </c>
      <c r="B80" s="61" t="s">
        <v>156</v>
      </c>
      <c r="C80" s="17" t="s">
        <v>37</v>
      </c>
    </row>
    <row r="81" spans="1:3" x14ac:dyDescent="0.2">
      <c r="A81" s="60" t="s">
        <v>834</v>
      </c>
      <c r="B81" s="61" t="s">
        <v>157</v>
      </c>
      <c r="C81" s="17" t="s">
        <v>37</v>
      </c>
    </row>
    <row r="82" spans="1:3" x14ac:dyDescent="0.2">
      <c r="A82" s="60" t="s">
        <v>834</v>
      </c>
      <c r="B82" s="61" t="s">
        <v>158</v>
      </c>
      <c r="C82" s="17" t="s">
        <v>37</v>
      </c>
    </row>
    <row r="83" spans="1:3" x14ac:dyDescent="0.2">
      <c r="A83" s="60" t="s">
        <v>834</v>
      </c>
      <c r="B83" s="61" t="s">
        <v>159</v>
      </c>
      <c r="C83" s="17" t="s">
        <v>37</v>
      </c>
    </row>
    <row r="84" spans="1:3" x14ac:dyDescent="0.2">
      <c r="A84" s="60" t="s">
        <v>834</v>
      </c>
      <c r="B84" s="61" t="s">
        <v>160</v>
      </c>
      <c r="C84" s="17" t="s">
        <v>37</v>
      </c>
    </row>
    <row r="85" spans="1:3" x14ac:dyDescent="0.2">
      <c r="A85" s="60" t="s">
        <v>834</v>
      </c>
      <c r="B85" s="61" t="s">
        <v>162</v>
      </c>
      <c r="C85" s="17" t="s">
        <v>37</v>
      </c>
    </row>
    <row r="86" spans="1:3" x14ac:dyDescent="0.2">
      <c r="A86" s="60" t="s">
        <v>834</v>
      </c>
      <c r="B86" s="61" t="s">
        <v>163</v>
      </c>
      <c r="C86" s="17" t="s">
        <v>37</v>
      </c>
    </row>
    <row r="87" spans="1:3" x14ac:dyDescent="0.2">
      <c r="A87" s="60" t="s">
        <v>834</v>
      </c>
      <c r="B87" s="61" t="s">
        <v>165</v>
      </c>
      <c r="C87" s="17" t="s">
        <v>37</v>
      </c>
    </row>
    <row r="88" spans="1:3" x14ac:dyDescent="0.2">
      <c r="A88" s="60" t="s">
        <v>834</v>
      </c>
      <c r="B88" s="61" t="s">
        <v>166</v>
      </c>
      <c r="C88" s="17" t="s">
        <v>37</v>
      </c>
    </row>
    <row r="89" spans="1:3" x14ac:dyDescent="0.2">
      <c r="A89" s="60" t="s">
        <v>834</v>
      </c>
      <c r="B89" s="61" t="s">
        <v>168</v>
      </c>
      <c r="C89" s="17" t="s">
        <v>37</v>
      </c>
    </row>
    <row r="90" spans="1:3" x14ac:dyDescent="0.2">
      <c r="A90" s="60" t="s">
        <v>834</v>
      </c>
      <c r="B90" s="61" t="s">
        <v>169</v>
      </c>
      <c r="C90" s="17" t="s">
        <v>37</v>
      </c>
    </row>
    <row r="91" spans="1:3" x14ac:dyDescent="0.2">
      <c r="A91" s="60" t="s">
        <v>834</v>
      </c>
      <c r="B91" s="61" t="s">
        <v>171</v>
      </c>
      <c r="C91" s="17" t="s">
        <v>37</v>
      </c>
    </row>
    <row r="92" spans="1:3" x14ac:dyDescent="0.2">
      <c r="A92" s="60" t="s">
        <v>834</v>
      </c>
      <c r="B92" s="61" t="s">
        <v>173</v>
      </c>
      <c r="C92" s="17" t="s">
        <v>37</v>
      </c>
    </row>
    <row r="93" spans="1:3" x14ac:dyDescent="0.2">
      <c r="A93" s="60" t="s">
        <v>834</v>
      </c>
      <c r="B93" s="61" t="s">
        <v>174</v>
      </c>
      <c r="C93" s="17" t="s">
        <v>37</v>
      </c>
    </row>
    <row r="94" spans="1:3" x14ac:dyDescent="0.2">
      <c r="A94" s="60" t="s">
        <v>834</v>
      </c>
      <c r="B94" s="61" t="s">
        <v>176</v>
      </c>
      <c r="C94" s="17" t="s">
        <v>37</v>
      </c>
    </row>
    <row r="95" spans="1:3" x14ac:dyDescent="0.2">
      <c r="A95" s="60" t="s">
        <v>834</v>
      </c>
      <c r="B95" s="61" t="s">
        <v>178</v>
      </c>
      <c r="C95" s="17" t="s">
        <v>37</v>
      </c>
    </row>
    <row r="96" spans="1:3" x14ac:dyDescent="0.2">
      <c r="A96" s="60" t="s">
        <v>834</v>
      </c>
      <c r="B96" s="61" t="s">
        <v>179</v>
      </c>
      <c r="C96" s="17" t="s">
        <v>37</v>
      </c>
    </row>
    <row r="97" spans="1:3" x14ac:dyDescent="0.2">
      <c r="A97" s="60" t="s">
        <v>834</v>
      </c>
      <c r="B97" s="61" t="s">
        <v>181</v>
      </c>
      <c r="C97" s="17" t="s">
        <v>37</v>
      </c>
    </row>
    <row r="98" spans="1:3" x14ac:dyDescent="0.2">
      <c r="A98" s="60" t="s">
        <v>834</v>
      </c>
      <c r="B98" s="61" t="s">
        <v>182</v>
      </c>
      <c r="C98" s="17" t="s">
        <v>37</v>
      </c>
    </row>
    <row r="99" spans="1:3" x14ac:dyDescent="0.2">
      <c r="A99" s="60" t="s">
        <v>834</v>
      </c>
      <c r="B99" s="61" t="s">
        <v>183</v>
      </c>
      <c r="C99" s="17" t="s">
        <v>37</v>
      </c>
    </row>
    <row r="100" spans="1:3" x14ac:dyDescent="0.2">
      <c r="A100" s="60" t="s">
        <v>834</v>
      </c>
      <c r="B100" s="61" t="s">
        <v>184</v>
      </c>
      <c r="C100" s="17" t="s">
        <v>37</v>
      </c>
    </row>
    <row r="101" spans="1:3" x14ac:dyDescent="0.2">
      <c r="A101" s="60" t="s">
        <v>834</v>
      </c>
      <c r="B101" s="61" t="s">
        <v>185</v>
      </c>
      <c r="C101" s="17" t="s">
        <v>37</v>
      </c>
    </row>
    <row r="102" spans="1:3" x14ac:dyDescent="0.2">
      <c r="A102" s="60" t="s">
        <v>834</v>
      </c>
      <c r="B102" s="61" t="s">
        <v>187</v>
      </c>
      <c r="C102" s="17" t="s">
        <v>37</v>
      </c>
    </row>
    <row r="103" spans="1:3" ht="21.6" x14ac:dyDescent="0.2">
      <c r="A103" s="60" t="s">
        <v>834</v>
      </c>
      <c r="B103" s="61" t="s">
        <v>189</v>
      </c>
      <c r="C103" s="17" t="s">
        <v>37</v>
      </c>
    </row>
    <row r="104" spans="1:3" x14ac:dyDescent="0.2">
      <c r="A104" s="60" t="s">
        <v>834</v>
      </c>
      <c r="B104" s="61" t="s">
        <v>190</v>
      </c>
      <c r="C104" s="17" t="s">
        <v>37</v>
      </c>
    </row>
    <row r="105" spans="1:3" ht="21.6" x14ac:dyDescent="0.2">
      <c r="A105" s="60" t="s">
        <v>834</v>
      </c>
      <c r="B105" s="61" t="s">
        <v>192</v>
      </c>
      <c r="C105" s="17" t="s">
        <v>37</v>
      </c>
    </row>
    <row r="106" spans="1:3" x14ac:dyDescent="0.2">
      <c r="A106" s="60" t="s">
        <v>834</v>
      </c>
      <c r="B106" s="61" t="s">
        <v>194</v>
      </c>
      <c r="C106" s="17" t="s">
        <v>37</v>
      </c>
    </row>
    <row r="107" spans="1:3" x14ac:dyDescent="0.2">
      <c r="A107" s="60" t="s">
        <v>834</v>
      </c>
      <c r="B107" s="61" t="s">
        <v>195</v>
      </c>
      <c r="C107" s="17" t="s">
        <v>37</v>
      </c>
    </row>
    <row r="108" spans="1:3" x14ac:dyDescent="0.2">
      <c r="A108" s="60" t="s">
        <v>834</v>
      </c>
      <c r="B108" s="61" t="s">
        <v>196</v>
      </c>
      <c r="C108" s="17" t="s">
        <v>37</v>
      </c>
    </row>
    <row r="109" spans="1:3" x14ac:dyDescent="0.2">
      <c r="A109" s="60" t="s">
        <v>834</v>
      </c>
      <c r="B109" s="61" t="s">
        <v>198</v>
      </c>
      <c r="C109" s="17" t="s">
        <v>37</v>
      </c>
    </row>
    <row r="110" spans="1:3" x14ac:dyDescent="0.2">
      <c r="A110" s="60" t="s">
        <v>834</v>
      </c>
      <c r="B110" s="61" t="s">
        <v>200</v>
      </c>
      <c r="C110" s="17" t="s">
        <v>37</v>
      </c>
    </row>
    <row r="111" spans="1:3" x14ac:dyDescent="0.2">
      <c r="A111" s="60" t="s">
        <v>834</v>
      </c>
      <c r="B111" s="61" t="s">
        <v>201</v>
      </c>
      <c r="C111" s="17" t="s">
        <v>37</v>
      </c>
    </row>
    <row r="112" spans="1:3" x14ac:dyDescent="0.2">
      <c r="A112" s="60" t="s">
        <v>834</v>
      </c>
      <c r="B112" s="61" t="s">
        <v>203</v>
      </c>
      <c r="C112" s="17" t="s">
        <v>37</v>
      </c>
    </row>
    <row r="113" spans="1:3" x14ac:dyDescent="0.2">
      <c r="A113" s="60" t="s">
        <v>834</v>
      </c>
      <c r="B113" s="61" t="s">
        <v>205</v>
      </c>
      <c r="C113" s="17" t="s">
        <v>37</v>
      </c>
    </row>
    <row r="114" spans="1:3" x14ac:dyDescent="0.2">
      <c r="A114" s="60" t="s">
        <v>834</v>
      </c>
      <c r="B114" s="61" t="s">
        <v>207</v>
      </c>
      <c r="C114" s="17" t="s">
        <v>37</v>
      </c>
    </row>
    <row r="115" spans="1:3" x14ac:dyDescent="0.2">
      <c r="A115" s="60" t="s">
        <v>834</v>
      </c>
      <c r="B115" s="61" t="s">
        <v>209</v>
      </c>
      <c r="C115" s="17" t="s">
        <v>37</v>
      </c>
    </row>
    <row r="116" spans="1:3" x14ac:dyDescent="0.2">
      <c r="A116" s="60" t="s">
        <v>834</v>
      </c>
      <c r="B116" s="61" t="s">
        <v>211</v>
      </c>
      <c r="C116" s="17" t="s">
        <v>37</v>
      </c>
    </row>
    <row r="117" spans="1:3" x14ac:dyDescent="0.2">
      <c r="A117" s="60" t="s">
        <v>834</v>
      </c>
      <c r="B117" s="61" t="s">
        <v>213</v>
      </c>
      <c r="C117" s="17" t="s">
        <v>37</v>
      </c>
    </row>
    <row r="118" spans="1:3" x14ac:dyDescent="0.2">
      <c r="A118" s="60" t="s">
        <v>834</v>
      </c>
      <c r="B118" s="61" t="s">
        <v>215</v>
      </c>
      <c r="C118" s="17" t="s">
        <v>37</v>
      </c>
    </row>
    <row r="119" spans="1:3" x14ac:dyDescent="0.2">
      <c r="A119" s="60" t="s">
        <v>834</v>
      </c>
      <c r="B119" s="61" t="s">
        <v>217</v>
      </c>
      <c r="C119" s="17" t="s">
        <v>37</v>
      </c>
    </row>
    <row r="120" spans="1:3" ht="21.6" x14ac:dyDescent="0.2">
      <c r="A120" s="60" t="s">
        <v>834</v>
      </c>
      <c r="B120" s="61" t="s">
        <v>219</v>
      </c>
      <c r="C120" s="17" t="s">
        <v>37</v>
      </c>
    </row>
    <row r="121" spans="1:3" x14ac:dyDescent="0.2">
      <c r="A121" s="60" t="s">
        <v>834</v>
      </c>
      <c r="B121" s="61" t="s">
        <v>221</v>
      </c>
      <c r="C121" s="17" t="s">
        <v>37</v>
      </c>
    </row>
    <row r="122" spans="1:3" x14ac:dyDescent="0.2">
      <c r="A122" s="60" t="s">
        <v>834</v>
      </c>
      <c r="B122" s="61" t="s">
        <v>223</v>
      </c>
      <c r="C122" s="17" t="s">
        <v>37</v>
      </c>
    </row>
    <row r="123" spans="1:3" x14ac:dyDescent="0.2">
      <c r="A123" s="60" t="s">
        <v>834</v>
      </c>
      <c r="B123" s="61" t="s">
        <v>225</v>
      </c>
      <c r="C123" s="17" t="s">
        <v>37</v>
      </c>
    </row>
    <row r="124" spans="1:3" ht="21.6" x14ac:dyDescent="0.2">
      <c r="A124" s="60" t="s">
        <v>834</v>
      </c>
      <c r="B124" s="61" t="s">
        <v>227</v>
      </c>
      <c r="C124" s="17" t="s">
        <v>37</v>
      </c>
    </row>
    <row r="125" spans="1:3" ht="21.6" x14ac:dyDescent="0.2">
      <c r="A125" s="60" t="s">
        <v>834</v>
      </c>
      <c r="B125" s="61" t="s">
        <v>229</v>
      </c>
      <c r="C125" s="17" t="s">
        <v>37</v>
      </c>
    </row>
    <row r="126" spans="1:3" ht="21.6" x14ac:dyDescent="0.2">
      <c r="A126" s="60" t="s">
        <v>834</v>
      </c>
      <c r="B126" s="61" t="s">
        <v>231</v>
      </c>
      <c r="C126" s="17" t="s">
        <v>37</v>
      </c>
    </row>
    <row r="127" spans="1:3" ht="21.6" x14ac:dyDescent="0.2">
      <c r="A127" s="60" t="s">
        <v>834</v>
      </c>
      <c r="B127" s="61" t="s">
        <v>233</v>
      </c>
      <c r="C127" s="17" t="s">
        <v>37</v>
      </c>
    </row>
    <row r="128" spans="1:3" x14ac:dyDescent="0.2">
      <c r="A128" s="60" t="s">
        <v>834</v>
      </c>
      <c r="B128" s="61" t="s">
        <v>235</v>
      </c>
      <c r="C128" s="17" t="s">
        <v>37</v>
      </c>
    </row>
    <row r="129" spans="1:3" x14ac:dyDescent="0.2">
      <c r="A129" s="60" t="s">
        <v>834</v>
      </c>
      <c r="B129" s="61" t="s">
        <v>237</v>
      </c>
      <c r="C129" s="17" t="s">
        <v>37</v>
      </c>
    </row>
    <row r="130" spans="1:3" ht="21.6" x14ac:dyDescent="0.2">
      <c r="A130" s="60" t="s">
        <v>834</v>
      </c>
      <c r="B130" s="61" t="s">
        <v>239</v>
      </c>
      <c r="C130" s="17" t="s">
        <v>37</v>
      </c>
    </row>
    <row r="131" spans="1:3" x14ac:dyDescent="0.2">
      <c r="A131" s="60" t="s">
        <v>834</v>
      </c>
      <c r="B131" s="61" t="s">
        <v>240</v>
      </c>
      <c r="C131" s="17" t="s">
        <v>37</v>
      </c>
    </row>
    <row r="132" spans="1:3" ht="21.6" x14ac:dyDescent="0.2">
      <c r="A132" s="60" t="s">
        <v>834</v>
      </c>
      <c r="B132" s="61" t="s">
        <v>241</v>
      </c>
      <c r="C132" s="17" t="s">
        <v>37</v>
      </c>
    </row>
    <row r="133" spans="1:3" ht="21.6" x14ac:dyDescent="0.2">
      <c r="A133" s="60" t="s">
        <v>834</v>
      </c>
      <c r="B133" s="61" t="s">
        <v>243</v>
      </c>
      <c r="C133" s="17" t="s">
        <v>37</v>
      </c>
    </row>
    <row r="134" spans="1:3" ht="21.6" x14ac:dyDescent="0.2">
      <c r="A134" s="60" t="s">
        <v>834</v>
      </c>
      <c r="B134" s="61" t="s">
        <v>245</v>
      </c>
      <c r="C134" s="17" t="s">
        <v>37</v>
      </c>
    </row>
    <row r="135" spans="1:3" ht="21.6" x14ac:dyDescent="0.2">
      <c r="A135" s="60" t="s">
        <v>834</v>
      </c>
      <c r="B135" s="61" t="s">
        <v>246</v>
      </c>
      <c r="C135" s="17" t="s">
        <v>37</v>
      </c>
    </row>
    <row r="136" spans="1:3" x14ac:dyDescent="0.2">
      <c r="A136" s="60" t="s">
        <v>834</v>
      </c>
      <c r="B136" s="61" t="s">
        <v>247</v>
      </c>
      <c r="C136" s="17" t="s">
        <v>37</v>
      </c>
    </row>
    <row r="137" spans="1:3" ht="21.6" x14ac:dyDescent="0.2">
      <c r="A137" s="60" t="s">
        <v>834</v>
      </c>
      <c r="B137" s="61" t="s">
        <v>249</v>
      </c>
      <c r="C137" s="17" t="s">
        <v>37</v>
      </c>
    </row>
    <row r="138" spans="1:3" x14ac:dyDescent="0.2">
      <c r="A138" s="60" t="s">
        <v>834</v>
      </c>
      <c r="B138" s="61" t="s">
        <v>250</v>
      </c>
      <c r="C138" s="17" t="s">
        <v>37</v>
      </c>
    </row>
    <row r="139" spans="1:3" x14ac:dyDescent="0.2">
      <c r="A139" s="60" t="s">
        <v>834</v>
      </c>
      <c r="B139" s="61" t="s">
        <v>252</v>
      </c>
      <c r="C139" s="17" t="s">
        <v>37</v>
      </c>
    </row>
    <row r="140" spans="1:3" x14ac:dyDescent="0.2">
      <c r="A140" s="60" t="s">
        <v>834</v>
      </c>
      <c r="B140" s="61" t="s">
        <v>254</v>
      </c>
      <c r="C140" s="17" t="s">
        <v>37</v>
      </c>
    </row>
    <row r="141" spans="1:3" x14ac:dyDescent="0.2">
      <c r="A141" s="60" t="s">
        <v>834</v>
      </c>
      <c r="B141" s="61" t="s">
        <v>256</v>
      </c>
      <c r="C141" s="17" t="s">
        <v>37</v>
      </c>
    </row>
    <row r="142" spans="1:3" x14ac:dyDescent="0.2">
      <c r="A142" s="60" t="s">
        <v>834</v>
      </c>
      <c r="B142" s="61" t="s">
        <v>258</v>
      </c>
      <c r="C142" s="17" t="s">
        <v>37</v>
      </c>
    </row>
    <row r="143" spans="1:3" x14ac:dyDescent="0.2">
      <c r="A143" s="60" t="s">
        <v>834</v>
      </c>
      <c r="B143" s="61" t="s">
        <v>259</v>
      </c>
      <c r="C143" s="17" t="s">
        <v>37</v>
      </c>
    </row>
    <row r="144" spans="1:3" x14ac:dyDescent="0.2">
      <c r="A144" s="60" t="s">
        <v>834</v>
      </c>
      <c r="B144" s="61" t="s">
        <v>260</v>
      </c>
      <c r="C144" s="17" t="s">
        <v>37</v>
      </c>
    </row>
    <row r="145" spans="1:3" x14ac:dyDescent="0.2">
      <c r="A145" s="60" t="s">
        <v>834</v>
      </c>
      <c r="B145" s="61" t="s">
        <v>261</v>
      </c>
      <c r="C145" s="17" t="s">
        <v>37</v>
      </c>
    </row>
    <row r="146" spans="1:3" x14ac:dyDescent="0.2">
      <c r="A146" s="60" t="s">
        <v>834</v>
      </c>
      <c r="B146" s="61" t="s">
        <v>262</v>
      </c>
      <c r="C146" s="17" t="s">
        <v>37</v>
      </c>
    </row>
    <row r="147" spans="1:3" x14ac:dyDescent="0.2">
      <c r="A147" s="60" t="s">
        <v>834</v>
      </c>
      <c r="B147" s="61" t="s">
        <v>264</v>
      </c>
      <c r="C147" s="17" t="s">
        <v>37</v>
      </c>
    </row>
    <row r="148" spans="1:3" x14ac:dyDescent="0.2">
      <c r="A148" s="60" t="s">
        <v>834</v>
      </c>
      <c r="B148" s="61" t="s">
        <v>266</v>
      </c>
      <c r="C148" s="17" t="s">
        <v>37</v>
      </c>
    </row>
    <row r="149" spans="1:3" x14ac:dyDescent="0.2">
      <c r="A149" s="60" t="s">
        <v>834</v>
      </c>
      <c r="B149" s="61" t="s">
        <v>268</v>
      </c>
      <c r="C149" s="17" t="s">
        <v>37</v>
      </c>
    </row>
    <row r="150" spans="1:3" x14ac:dyDescent="0.2">
      <c r="A150" s="60" t="s">
        <v>834</v>
      </c>
      <c r="B150" s="61" t="s">
        <v>270</v>
      </c>
      <c r="C150" s="17" t="s">
        <v>37</v>
      </c>
    </row>
    <row r="151" spans="1:3" x14ac:dyDescent="0.2">
      <c r="A151" s="60" t="s">
        <v>834</v>
      </c>
      <c r="B151" s="61" t="s">
        <v>272</v>
      </c>
      <c r="C151" s="17" t="s">
        <v>37</v>
      </c>
    </row>
    <row r="152" spans="1:3" x14ac:dyDescent="0.2">
      <c r="A152" s="60" t="s">
        <v>834</v>
      </c>
      <c r="B152" s="61" t="s">
        <v>274</v>
      </c>
      <c r="C152" s="17" t="s">
        <v>37</v>
      </c>
    </row>
    <row r="153" spans="1:3" x14ac:dyDescent="0.2">
      <c r="A153" s="60" t="s">
        <v>834</v>
      </c>
      <c r="B153" s="61" t="s">
        <v>276</v>
      </c>
      <c r="C153" s="17" t="s">
        <v>37</v>
      </c>
    </row>
    <row r="154" spans="1:3" x14ac:dyDescent="0.2">
      <c r="A154" s="60" t="s">
        <v>834</v>
      </c>
      <c r="B154" s="61" t="s">
        <v>278</v>
      </c>
      <c r="C154" s="17" t="s">
        <v>37</v>
      </c>
    </row>
    <row r="155" spans="1:3" x14ac:dyDescent="0.2">
      <c r="A155" s="60" t="s">
        <v>834</v>
      </c>
      <c r="B155" s="61" t="s">
        <v>280</v>
      </c>
      <c r="C155" s="17" t="s">
        <v>37</v>
      </c>
    </row>
    <row r="156" spans="1:3" x14ac:dyDescent="0.2">
      <c r="A156" s="60" t="s">
        <v>834</v>
      </c>
      <c r="B156" s="61" t="s">
        <v>281</v>
      </c>
      <c r="C156" s="17" t="s">
        <v>37</v>
      </c>
    </row>
    <row r="157" spans="1:3" ht="21.6" x14ac:dyDescent="0.2">
      <c r="A157" s="60" t="s">
        <v>834</v>
      </c>
      <c r="B157" s="61" t="s">
        <v>283</v>
      </c>
      <c r="C157" s="17" t="s">
        <v>37</v>
      </c>
    </row>
    <row r="158" spans="1:3" x14ac:dyDescent="0.2">
      <c r="A158" s="60" t="s">
        <v>834</v>
      </c>
      <c r="B158" s="61" t="s">
        <v>285</v>
      </c>
      <c r="C158" s="17" t="s">
        <v>37</v>
      </c>
    </row>
    <row r="159" spans="1:3" x14ac:dyDescent="0.2">
      <c r="A159" s="60" t="s">
        <v>834</v>
      </c>
      <c r="B159" s="61" t="s">
        <v>287</v>
      </c>
      <c r="C159" s="17" t="s">
        <v>37</v>
      </c>
    </row>
    <row r="160" spans="1:3" x14ac:dyDescent="0.2">
      <c r="A160" s="60" t="s">
        <v>834</v>
      </c>
      <c r="B160" s="61" t="s">
        <v>288</v>
      </c>
      <c r="C160" s="17" t="s">
        <v>37</v>
      </c>
    </row>
    <row r="161" spans="1:3" x14ac:dyDescent="0.2">
      <c r="A161" s="60" t="s">
        <v>834</v>
      </c>
      <c r="B161" s="61" t="s">
        <v>290</v>
      </c>
      <c r="C161" s="17" t="s">
        <v>37</v>
      </c>
    </row>
    <row r="162" spans="1:3" x14ac:dyDescent="0.2">
      <c r="A162" s="60" t="s">
        <v>834</v>
      </c>
      <c r="B162" s="61" t="s">
        <v>292</v>
      </c>
      <c r="C162" s="17" t="s">
        <v>37</v>
      </c>
    </row>
    <row r="163" spans="1:3" x14ac:dyDescent="0.2">
      <c r="A163" s="60" t="s">
        <v>834</v>
      </c>
      <c r="B163" s="61" t="s">
        <v>294</v>
      </c>
      <c r="C163" s="17" t="s">
        <v>37</v>
      </c>
    </row>
    <row r="164" spans="1:3" x14ac:dyDescent="0.2">
      <c r="A164" s="60" t="s">
        <v>834</v>
      </c>
      <c r="B164" s="61" t="s">
        <v>295</v>
      </c>
      <c r="C164" s="17" t="s">
        <v>37</v>
      </c>
    </row>
    <row r="165" spans="1:3" x14ac:dyDescent="0.2">
      <c r="A165" s="60" t="s">
        <v>834</v>
      </c>
      <c r="B165" s="61" t="s">
        <v>297</v>
      </c>
      <c r="C165" s="17" t="s">
        <v>37</v>
      </c>
    </row>
    <row r="166" spans="1:3" x14ac:dyDescent="0.2">
      <c r="A166" s="60" t="s">
        <v>834</v>
      </c>
      <c r="B166" s="61" t="s">
        <v>299</v>
      </c>
      <c r="C166" s="17" t="s">
        <v>37</v>
      </c>
    </row>
    <row r="167" spans="1:3" x14ac:dyDescent="0.2">
      <c r="A167" s="60" t="s">
        <v>834</v>
      </c>
      <c r="B167" s="61" t="s">
        <v>300</v>
      </c>
      <c r="C167" s="17" t="s">
        <v>37</v>
      </c>
    </row>
    <row r="168" spans="1:3" x14ac:dyDescent="0.2">
      <c r="A168" s="60" t="s">
        <v>834</v>
      </c>
      <c r="B168" s="61" t="s">
        <v>302</v>
      </c>
      <c r="C168" s="17" t="s">
        <v>37</v>
      </c>
    </row>
    <row r="169" spans="1:3" x14ac:dyDescent="0.2">
      <c r="A169" s="60" t="s">
        <v>834</v>
      </c>
      <c r="B169" s="61" t="s">
        <v>304</v>
      </c>
      <c r="C169" s="17" t="s">
        <v>37</v>
      </c>
    </row>
    <row r="170" spans="1:3" x14ac:dyDescent="0.2">
      <c r="A170" s="60" t="s">
        <v>834</v>
      </c>
      <c r="B170" s="61" t="s">
        <v>305</v>
      </c>
      <c r="C170" s="17" t="s">
        <v>37</v>
      </c>
    </row>
    <row r="171" spans="1:3" x14ac:dyDescent="0.2">
      <c r="A171" s="60" t="s">
        <v>834</v>
      </c>
      <c r="B171" s="61" t="s">
        <v>307</v>
      </c>
      <c r="C171" s="17" t="s">
        <v>37</v>
      </c>
    </row>
    <row r="172" spans="1:3" x14ac:dyDescent="0.2">
      <c r="A172" s="60" t="s">
        <v>834</v>
      </c>
      <c r="B172" s="61" t="s">
        <v>309</v>
      </c>
      <c r="C172" s="17" t="s">
        <v>37</v>
      </c>
    </row>
    <row r="173" spans="1:3" x14ac:dyDescent="0.2">
      <c r="A173" s="60" t="s">
        <v>834</v>
      </c>
      <c r="B173" s="61" t="s">
        <v>311</v>
      </c>
      <c r="C173" s="17" t="s">
        <v>37</v>
      </c>
    </row>
    <row r="174" spans="1:3" x14ac:dyDescent="0.2">
      <c r="A174" s="60" t="s">
        <v>834</v>
      </c>
      <c r="B174" s="61" t="s">
        <v>312</v>
      </c>
      <c r="C174" s="17" t="s">
        <v>37</v>
      </c>
    </row>
    <row r="175" spans="1:3" x14ac:dyDescent="0.2">
      <c r="A175" s="60" t="s">
        <v>834</v>
      </c>
      <c r="B175" s="61" t="s">
        <v>313</v>
      </c>
      <c r="C175" s="17" t="s">
        <v>37</v>
      </c>
    </row>
    <row r="176" spans="1:3" x14ac:dyDescent="0.2">
      <c r="A176" s="60" t="s">
        <v>834</v>
      </c>
      <c r="B176" s="61" t="s">
        <v>315</v>
      </c>
      <c r="C176" s="17" t="s">
        <v>37</v>
      </c>
    </row>
    <row r="177" spans="1:3" x14ac:dyDescent="0.2">
      <c r="A177" s="60" t="s">
        <v>834</v>
      </c>
      <c r="B177" s="61" t="s">
        <v>316</v>
      </c>
      <c r="C177" s="17" t="s">
        <v>37</v>
      </c>
    </row>
    <row r="178" spans="1:3" x14ac:dyDescent="0.2">
      <c r="A178" s="60" t="s">
        <v>834</v>
      </c>
      <c r="B178" s="61" t="s">
        <v>317</v>
      </c>
      <c r="C178" s="17" t="s">
        <v>37</v>
      </c>
    </row>
    <row r="179" spans="1:3" x14ac:dyDescent="0.2">
      <c r="A179" s="60" t="s">
        <v>834</v>
      </c>
      <c r="B179" s="61" t="s">
        <v>319</v>
      </c>
      <c r="C179" s="17" t="s">
        <v>37</v>
      </c>
    </row>
    <row r="180" spans="1:3" x14ac:dyDescent="0.2">
      <c r="A180" s="60" t="s">
        <v>834</v>
      </c>
      <c r="B180" s="61" t="s">
        <v>320</v>
      </c>
      <c r="C180" s="17" t="s">
        <v>37</v>
      </c>
    </row>
    <row r="181" spans="1:3" x14ac:dyDescent="0.2">
      <c r="A181" s="60" t="s">
        <v>834</v>
      </c>
      <c r="B181" s="61" t="s">
        <v>321</v>
      </c>
      <c r="C181" s="17" t="s">
        <v>37</v>
      </c>
    </row>
    <row r="182" spans="1:3" x14ac:dyDescent="0.2">
      <c r="A182" s="60" t="s">
        <v>834</v>
      </c>
      <c r="B182" s="61" t="s">
        <v>323</v>
      </c>
      <c r="C182" s="17" t="s">
        <v>37</v>
      </c>
    </row>
    <row r="183" spans="1:3" x14ac:dyDescent="0.2">
      <c r="A183" s="60" t="s">
        <v>834</v>
      </c>
      <c r="B183" s="61" t="s">
        <v>324</v>
      </c>
      <c r="C183" s="17" t="s">
        <v>37</v>
      </c>
    </row>
    <row r="184" spans="1:3" x14ac:dyDescent="0.2">
      <c r="A184" s="60" t="s">
        <v>834</v>
      </c>
      <c r="B184" s="61" t="s">
        <v>325</v>
      </c>
      <c r="C184" s="17" t="s">
        <v>37</v>
      </c>
    </row>
    <row r="185" spans="1:3" x14ac:dyDescent="0.2">
      <c r="A185" s="60" t="s">
        <v>834</v>
      </c>
      <c r="B185" s="61" t="s">
        <v>326</v>
      </c>
      <c r="C185" s="17" t="s">
        <v>37</v>
      </c>
    </row>
    <row r="186" spans="1:3" x14ac:dyDescent="0.2">
      <c r="A186" s="60" t="s">
        <v>834</v>
      </c>
      <c r="B186" s="61" t="s">
        <v>328</v>
      </c>
      <c r="C186" s="17" t="s">
        <v>37</v>
      </c>
    </row>
    <row r="187" spans="1:3" x14ac:dyDescent="0.2">
      <c r="A187" s="60" t="s">
        <v>834</v>
      </c>
      <c r="B187" s="61" t="s">
        <v>330</v>
      </c>
      <c r="C187" s="17" t="s">
        <v>37</v>
      </c>
    </row>
    <row r="188" spans="1:3" x14ac:dyDescent="0.2">
      <c r="A188" s="60" t="s">
        <v>834</v>
      </c>
      <c r="B188" s="61" t="s">
        <v>331</v>
      </c>
      <c r="C188" s="17" t="s">
        <v>37</v>
      </c>
    </row>
    <row r="189" spans="1:3" x14ac:dyDescent="0.2">
      <c r="A189" s="60" t="s">
        <v>834</v>
      </c>
      <c r="B189" s="61" t="s">
        <v>332</v>
      </c>
      <c r="C189" s="17" t="s">
        <v>37</v>
      </c>
    </row>
    <row r="190" spans="1:3" x14ac:dyDescent="0.2">
      <c r="A190" s="60" t="s">
        <v>834</v>
      </c>
      <c r="B190" s="61" t="s">
        <v>334</v>
      </c>
      <c r="C190" s="17" t="s">
        <v>37</v>
      </c>
    </row>
    <row r="191" spans="1:3" x14ac:dyDescent="0.2">
      <c r="A191" s="60" t="s">
        <v>834</v>
      </c>
      <c r="B191" s="61" t="s">
        <v>336</v>
      </c>
      <c r="C191" s="17" t="s">
        <v>37</v>
      </c>
    </row>
    <row r="192" spans="1:3" x14ac:dyDescent="0.2">
      <c r="A192" s="62" t="s">
        <v>834</v>
      </c>
      <c r="B192" s="63" t="s">
        <v>337</v>
      </c>
      <c r="C192" s="64" t="s">
        <v>37</v>
      </c>
    </row>
  </sheetData>
  <autoFilter ref="A6:C6" xr:uid="{23D8FCDD-5E3F-476A-BB1F-2F868A0AC1D9}"/>
  <mergeCells count="1">
    <mergeCell ref="B1:C1"/>
  </mergeCells>
  <phoneticPr fontId="2"/>
  <dataValidations count="1">
    <dataValidation type="list" allowBlank="1" showInputMessage="1" showErrorMessage="1" sqref="IW7:IW65536 SS7:SS65536 ACO7:ACO65536 AMK7:AMK65536 AWG7:AWG65536 BGC7:BGC65536 BPY7:BPY65536 BZU7:BZU65536 CJQ7:CJQ65536 CTM7:CTM65536 DDI7:DDI65536 DNE7:DNE65536 DXA7:DXA65536 EGW7:EGW65536 EQS7:EQS65536 FAO7:FAO65536 FKK7:FKK65536 FUG7:FUG65536 GEC7:GEC65536 GNY7:GNY65536 GXU7:GXU65536 HHQ7:HHQ65536 HRM7:HRM65536 IBI7:IBI65536 ILE7:ILE65536 IVA7:IVA65536 JEW7:JEW65536 JOS7:JOS65536 JYO7:JYO65536 KIK7:KIK65536 KSG7:KSG65536 LCC7:LCC65536 LLY7:LLY65536 LVU7:LVU65536 MFQ7:MFQ65536 MPM7:MPM65536 MZI7:MZI65536 NJE7:NJE65536 NTA7:NTA65536 OCW7:OCW65536 OMS7:OMS65536 OWO7:OWO65536 PGK7:PGK65536 PQG7:PQG65536 QAC7:QAC65536 QJY7:QJY65536 QTU7:QTU65536 RDQ7:RDQ65536 RNM7:RNM65536 RXI7:RXI65536 SHE7:SHE65536 SRA7:SRA65536 TAW7:TAW65536 TKS7:TKS65536 TUO7:TUO65536 UEK7:UEK65536 UOG7:UOG65536 UYC7:UYC65536 VHY7:VHY65536 VRU7:VRU65536 WBQ7:WBQ65536 WLM7:WLM65536 WVI7:WVI65536 IW65543:IW131072 SS65543:SS131072 ACO65543:ACO131072 AMK65543:AMK131072 AWG65543:AWG131072 BGC65543:BGC131072 BPY65543:BPY131072 BZU65543:BZU131072 CJQ65543:CJQ131072 CTM65543:CTM131072 DDI65543:DDI131072 DNE65543:DNE131072 DXA65543:DXA131072 EGW65543:EGW131072 EQS65543:EQS131072 FAO65543:FAO131072 FKK65543:FKK131072 FUG65543:FUG131072 GEC65543:GEC131072 GNY65543:GNY131072 GXU65543:GXU131072 HHQ65543:HHQ131072 HRM65543:HRM131072 IBI65543:IBI131072 ILE65543:ILE131072 IVA65543:IVA131072 JEW65543:JEW131072 JOS65543:JOS131072 JYO65543:JYO131072 KIK65543:KIK131072 KSG65543:KSG131072 LCC65543:LCC131072 LLY65543:LLY131072 LVU65543:LVU131072 MFQ65543:MFQ131072 MPM65543:MPM131072 MZI65543:MZI131072 NJE65543:NJE131072 NTA65543:NTA131072 OCW65543:OCW131072 OMS65543:OMS131072 OWO65543:OWO131072 PGK65543:PGK131072 PQG65543:PQG131072 QAC65543:QAC131072 QJY65543:QJY131072 QTU65543:QTU131072 RDQ65543:RDQ131072 RNM65543:RNM131072 RXI65543:RXI131072 SHE65543:SHE131072 SRA65543:SRA131072 TAW65543:TAW131072 TKS65543:TKS131072 TUO65543:TUO131072 UEK65543:UEK131072 UOG65543:UOG131072 UYC65543:UYC131072 VHY65543:VHY131072 VRU65543:VRU131072 WBQ65543:WBQ131072 WLM65543:WLM131072 WVI65543:WVI131072 IW131079:IW196608 SS131079:SS196608 ACO131079:ACO196608 AMK131079:AMK196608 AWG131079:AWG196608 BGC131079:BGC196608 BPY131079:BPY196608 BZU131079:BZU196608 CJQ131079:CJQ196608 CTM131079:CTM196608 DDI131079:DDI196608 DNE131079:DNE196608 DXA131079:DXA196608 EGW131079:EGW196608 EQS131079:EQS196608 FAO131079:FAO196608 FKK131079:FKK196608 FUG131079:FUG196608 GEC131079:GEC196608 GNY131079:GNY196608 GXU131079:GXU196608 HHQ131079:HHQ196608 HRM131079:HRM196608 IBI131079:IBI196608 ILE131079:ILE196608 IVA131079:IVA196608 JEW131079:JEW196608 JOS131079:JOS196608 JYO131079:JYO196608 KIK131079:KIK196608 KSG131079:KSG196608 LCC131079:LCC196608 LLY131079:LLY196608 LVU131079:LVU196608 MFQ131079:MFQ196608 MPM131079:MPM196608 MZI131079:MZI196608 NJE131079:NJE196608 NTA131079:NTA196608 OCW131079:OCW196608 OMS131079:OMS196608 OWO131079:OWO196608 PGK131079:PGK196608 PQG131079:PQG196608 QAC131079:QAC196608 QJY131079:QJY196608 QTU131079:QTU196608 RDQ131079:RDQ196608 RNM131079:RNM196608 RXI131079:RXI196608 SHE131079:SHE196608 SRA131079:SRA196608 TAW131079:TAW196608 TKS131079:TKS196608 TUO131079:TUO196608 UEK131079:UEK196608 UOG131079:UOG196608 UYC131079:UYC196608 VHY131079:VHY196608 VRU131079:VRU196608 WBQ131079:WBQ196608 WLM131079:WLM196608 WVI131079:WVI196608 IW196615:IW262144 SS196615:SS262144 ACO196615:ACO262144 AMK196615:AMK262144 AWG196615:AWG262144 BGC196615:BGC262144 BPY196615:BPY262144 BZU196615:BZU262144 CJQ196615:CJQ262144 CTM196615:CTM262144 DDI196615:DDI262144 DNE196615:DNE262144 DXA196615:DXA262144 EGW196615:EGW262144 EQS196615:EQS262144 FAO196615:FAO262144 FKK196615:FKK262144 FUG196615:FUG262144 GEC196615:GEC262144 GNY196615:GNY262144 GXU196615:GXU262144 HHQ196615:HHQ262144 HRM196615:HRM262144 IBI196615:IBI262144 ILE196615:ILE262144 IVA196615:IVA262144 JEW196615:JEW262144 JOS196615:JOS262144 JYO196615:JYO262144 KIK196615:KIK262144 KSG196615:KSG262144 LCC196615:LCC262144 LLY196615:LLY262144 LVU196615:LVU262144 MFQ196615:MFQ262144 MPM196615:MPM262144 MZI196615:MZI262144 NJE196615:NJE262144 NTA196615:NTA262144 OCW196615:OCW262144 OMS196615:OMS262144 OWO196615:OWO262144 PGK196615:PGK262144 PQG196615:PQG262144 QAC196615:QAC262144 QJY196615:QJY262144 QTU196615:QTU262144 RDQ196615:RDQ262144 RNM196615:RNM262144 RXI196615:RXI262144 SHE196615:SHE262144 SRA196615:SRA262144 TAW196615:TAW262144 TKS196615:TKS262144 TUO196615:TUO262144 UEK196615:UEK262144 UOG196615:UOG262144 UYC196615:UYC262144 VHY196615:VHY262144 VRU196615:VRU262144 WBQ196615:WBQ262144 WLM196615:WLM262144 WVI196615:WVI262144 IW262151:IW327680 SS262151:SS327680 ACO262151:ACO327680 AMK262151:AMK327680 AWG262151:AWG327680 BGC262151:BGC327680 BPY262151:BPY327680 BZU262151:BZU327680 CJQ262151:CJQ327680 CTM262151:CTM327680 DDI262151:DDI327680 DNE262151:DNE327680 DXA262151:DXA327680 EGW262151:EGW327680 EQS262151:EQS327680 FAO262151:FAO327680 FKK262151:FKK327680 FUG262151:FUG327680 GEC262151:GEC327680 GNY262151:GNY327680 GXU262151:GXU327680 HHQ262151:HHQ327680 HRM262151:HRM327680 IBI262151:IBI327680 ILE262151:ILE327680 IVA262151:IVA327680 JEW262151:JEW327680 JOS262151:JOS327680 JYO262151:JYO327680 KIK262151:KIK327680 KSG262151:KSG327680 LCC262151:LCC327680 LLY262151:LLY327680 LVU262151:LVU327680 MFQ262151:MFQ327680 MPM262151:MPM327680 MZI262151:MZI327680 NJE262151:NJE327680 NTA262151:NTA327680 OCW262151:OCW327680 OMS262151:OMS327680 OWO262151:OWO327680 PGK262151:PGK327680 PQG262151:PQG327680 QAC262151:QAC327680 QJY262151:QJY327680 QTU262151:QTU327680 RDQ262151:RDQ327680 RNM262151:RNM327680 RXI262151:RXI327680 SHE262151:SHE327680 SRA262151:SRA327680 TAW262151:TAW327680 TKS262151:TKS327680 TUO262151:TUO327680 UEK262151:UEK327680 UOG262151:UOG327680 UYC262151:UYC327680 VHY262151:VHY327680 VRU262151:VRU327680 WBQ262151:WBQ327680 WLM262151:WLM327680 WVI262151:WVI327680 IW327687:IW393216 SS327687:SS393216 ACO327687:ACO393216 AMK327687:AMK393216 AWG327687:AWG393216 BGC327687:BGC393216 BPY327687:BPY393216 BZU327687:BZU393216 CJQ327687:CJQ393216 CTM327687:CTM393216 DDI327687:DDI393216 DNE327687:DNE393216 DXA327687:DXA393216 EGW327687:EGW393216 EQS327687:EQS393216 FAO327687:FAO393216 FKK327687:FKK393216 FUG327687:FUG393216 GEC327687:GEC393216 GNY327687:GNY393216 GXU327687:GXU393216 HHQ327687:HHQ393216 HRM327687:HRM393216 IBI327687:IBI393216 ILE327687:ILE393216 IVA327687:IVA393216 JEW327687:JEW393216 JOS327687:JOS393216 JYO327687:JYO393216 KIK327687:KIK393216 KSG327687:KSG393216 LCC327687:LCC393216 LLY327687:LLY393216 LVU327687:LVU393216 MFQ327687:MFQ393216 MPM327687:MPM393216 MZI327687:MZI393216 NJE327687:NJE393216 NTA327687:NTA393216 OCW327687:OCW393216 OMS327687:OMS393216 OWO327687:OWO393216 PGK327687:PGK393216 PQG327687:PQG393216 QAC327687:QAC393216 QJY327687:QJY393216 QTU327687:QTU393216 RDQ327687:RDQ393216 RNM327687:RNM393216 RXI327687:RXI393216 SHE327687:SHE393216 SRA327687:SRA393216 TAW327687:TAW393216 TKS327687:TKS393216 TUO327687:TUO393216 UEK327687:UEK393216 UOG327687:UOG393216 UYC327687:UYC393216 VHY327687:VHY393216 VRU327687:VRU393216 WBQ327687:WBQ393216 WLM327687:WLM393216 WVI327687:WVI393216 IW393223:IW458752 SS393223:SS458752 ACO393223:ACO458752 AMK393223:AMK458752 AWG393223:AWG458752 BGC393223:BGC458752 BPY393223:BPY458752 BZU393223:BZU458752 CJQ393223:CJQ458752 CTM393223:CTM458752 DDI393223:DDI458752 DNE393223:DNE458752 DXA393223:DXA458752 EGW393223:EGW458752 EQS393223:EQS458752 FAO393223:FAO458752 FKK393223:FKK458752 FUG393223:FUG458752 GEC393223:GEC458752 GNY393223:GNY458752 GXU393223:GXU458752 HHQ393223:HHQ458752 HRM393223:HRM458752 IBI393223:IBI458752 ILE393223:ILE458752 IVA393223:IVA458752 JEW393223:JEW458752 JOS393223:JOS458752 JYO393223:JYO458752 KIK393223:KIK458752 KSG393223:KSG458752 LCC393223:LCC458752 LLY393223:LLY458752 LVU393223:LVU458752 MFQ393223:MFQ458752 MPM393223:MPM458752 MZI393223:MZI458752 NJE393223:NJE458752 NTA393223:NTA458752 OCW393223:OCW458752 OMS393223:OMS458752 OWO393223:OWO458752 PGK393223:PGK458752 PQG393223:PQG458752 QAC393223:QAC458752 QJY393223:QJY458752 QTU393223:QTU458752 RDQ393223:RDQ458752 RNM393223:RNM458752 RXI393223:RXI458752 SHE393223:SHE458752 SRA393223:SRA458752 TAW393223:TAW458752 TKS393223:TKS458752 TUO393223:TUO458752 UEK393223:UEK458752 UOG393223:UOG458752 UYC393223:UYC458752 VHY393223:VHY458752 VRU393223:VRU458752 WBQ393223:WBQ458752 WLM393223:WLM458752 WVI393223:WVI458752 IW458759:IW524288 SS458759:SS524288 ACO458759:ACO524288 AMK458759:AMK524288 AWG458759:AWG524288 BGC458759:BGC524288 BPY458759:BPY524288 BZU458759:BZU524288 CJQ458759:CJQ524288 CTM458759:CTM524288 DDI458759:DDI524288 DNE458759:DNE524288 DXA458759:DXA524288 EGW458759:EGW524288 EQS458759:EQS524288 FAO458759:FAO524288 FKK458759:FKK524288 FUG458759:FUG524288 GEC458759:GEC524288 GNY458759:GNY524288 GXU458759:GXU524288 HHQ458759:HHQ524288 HRM458759:HRM524288 IBI458759:IBI524288 ILE458759:ILE524288 IVA458759:IVA524288 JEW458759:JEW524288 JOS458759:JOS524288 JYO458759:JYO524288 KIK458759:KIK524288 KSG458759:KSG524288 LCC458759:LCC524288 LLY458759:LLY524288 LVU458759:LVU524288 MFQ458759:MFQ524288 MPM458759:MPM524288 MZI458759:MZI524288 NJE458759:NJE524288 NTA458759:NTA524288 OCW458759:OCW524288 OMS458759:OMS524288 OWO458759:OWO524288 PGK458759:PGK524288 PQG458759:PQG524288 QAC458759:QAC524288 QJY458759:QJY524288 QTU458759:QTU524288 RDQ458759:RDQ524288 RNM458759:RNM524288 RXI458759:RXI524288 SHE458759:SHE524288 SRA458759:SRA524288 TAW458759:TAW524288 TKS458759:TKS524288 TUO458759:TUO524288 UEK458759:UEK524288 UOG458759:UOG524288 UYC458759:UYC524288 VHY458759:VHY524288 VRU458759:VRU524288 WBQ458759:WBQ524288 WLM458759:WLM524288 WVI458759:WVI524288 IW524295:IW589824 SS524295:SS589824 ACO524295:ACO589824 AMK524295:AMK589824 AWG524295:AWG589824 BGC524295:BGC589824 BPY524295:BPY589824 BZU524295:BZU589824 CJQ524295:CJQ589824 CTM524295:CTM589824 DDI524295:DDI589824 DNE524295:DNE589824 DXA524295:DXA589824 EGW524295:EGW589824 EQS524295:EQS589824 FAO524295:FAO589824 FKK524295:FKK589824 FUG524295:FUG589824 GEC524295:GEC589824 GNY524295:GNY589824 GXU524295:GXU589824 HHQ524295:HHQ589824 HRM524295:HRM589824 IBI524295:IBI589824 ILE524295:ILE589824 IVA524295:IVA589824 JEW524295:JEW589824 JOS524295:JOS589824 JYO524295:JYO589824 KIK524295:KIK589824 KSG524295:KSG589824 LCC524295:LCC589824 LLY524295:LLY589824 LVU524295:LVU589824 MFQ524295:MFQ589824 MPM524295:MPM589824 MZI524295:MZI589824 NJE524295:NJE589824 NTA524295:NTA589824 OCW524295:OCW589824 OMS524295:OMS589824 OWO524295:OWO589824 PGK524295:PGK589824 PQG524295:PQG589824 QAC524295:QAC589824 QJY524295:QJY589824 QTU524295:QTU589824 RDQ524295:RDQ589824 RNM524295:RNM589824 RXI524295:RXI589824 SHE524295:SHE589824 SRA524295:SRA589824 TAW524295:TAW589824 TKS524295:TKS589824 TUO524295:TUO589824 UEK524295:UEK589824 UOG524295:UOG589824 UYC524295:UYC589824 VHY524295:VHY589824 VRU524295:VRU589824 WBQ524295:WBQ589824 WLM524295:WLM589824 WVI524295:WVI589824 IW589831:IW655360 SS589831:SS655360 ACO589831:ACO655360 AMK589831:AMK655360 AWG589831:AWG655360 BGC589831:BGC655360 BPY589831:BPY655360 BZU589831:BZU655360 CJQ589831:CJQ655360 CTM589831:CTM655360 DDI589831:DDI655360 DNE589831:DNE655360 DXA589831:DXA655360 EGW589831:EGW655360 EQS589831:EQS655360 FAO589831:FAO655360 FKK589831:FKK655360 FUG589831:FUG655360 GEC589831:GEC655360 GNY589831:GNY655360 GXU589831:GXU655360 HHQ589831:HHQ655360 HRM589831:HRM655360 IBI589831:IBI655360 ILE589831:ILE655360 IVA589831:IVA655360 JEW589831:JEW655360 JOS589831:JOS655360 JYO589831:JYO655360 KIK589831:KIK655360 KSG589831:KSG655360 LCC589831:LCC655360 LLY589831:LLY655360 LVU589831:LVU655360 MFQ589831:MFQ655360 MPM589831:MPM655360 MZI589831:MZI655360 NJE589831:NJE655360 NTA589831:NTA655360 OCW589831:OCW655360 OMS589831:OMS655360 OWO589831:OWO655360 PGK589831:PGK655360 PQG589831:PQG655360 QAC589831:QAC655360 QJY589831:QJY655360 QTU589831:QTU655360 RDQ589831:RDQ655360 RNM589831:RNM655360 RXI589831:RXI655360 SHE589831:SHE655360 SRA589831:SRA655360 TAW589831:TAW655360 TKS589831:TKS655360 TUO589831:TUO655360 UEK589831:UEK655360 UOG589831:UOG655360 UYC589831:UYC655360 VHY589831:VHY655360 VRU589831:VRU655360 WBQ589831:WBQ655360 WLM589831:WLM655360 WVI589831:WVI655360 IW655367:IW720896 SS655367:SS720896 ACO655367:ACO720896 AMK655367:AMK720896 AWG655367:AWG720896 BGC655367:BGC720896 BPY655367:BPY720896 BZU655367:BZU720896 CJQ655367:CJQ720896 CTM655367:CTM720896 DDI655367:DDI720896 DNE655367:DNE720896 DXA655367:DXA720896 EGW655367:EGW720896 EQS655367:EQS720896 FAO655367:FAO720896 FKK655367:FKK720896 FUG655367:FUG720896 GEC655367:GEC720896 GNY655367:GNY720896 GXU655367:GXU720896 HHQ655367:HHQ720896 HRM655367:HRM720896 IBI655367:IBI720896 ILE655367:ILE720896 IVA655367:IVA720896 JEW655367:JEW720896 JOS655367:JOS720896 JYO655367:JYO720896 KIK655367:KIK720896 KSG655367:KSG720896 LCC655367:LCC720896 LLY655367:LLY720896 LVU655367:LVU720896 MFQ655367:MFQ720896 MPM655367:MPM720896 MZI655367:MZI720896 NJE655367:NJE720896 NTA655367:NTA720896 OCW655367:OCW720896 OMS655367:OMS720896 OWO655367:OWO720896 PGK655367:PGK720896 PQG655367:PQG720896 QAC655367:QAC720896 QJY655367:QJY720896 QTU655367:QTU720896 RDQ655367:RDQ720896 RNM655367:RNM720896 RXI655367:RXI720896 SHE655367:SHE720896 SRA655367:SRA720896 TAW655367:TAW720896 TKS655367:TKS720896 TUO655367:TUO720896 UEK655367:UEK720896 UOG655367:UOG720896 UYC655367:UYC720896 VHY655367:VHY720896 VRU655367:VRU720896 WBQ655367:WBQ720896 WLM655367:WLM720896 WVI655367:WVI720896 IW720903:IW786432 SS720903:SS786432 ACO720903:ACO786432 AMK720903:AMK786432 AWG720903:AWG786432 BGC720903:BGC786432 BPY720903:BPY786432 BZU720903:BZU786432 CJQ720903:CJQ786432 CTM720903:CTM786432 DDI720903:DDI786432 DNE720903:DNE786432 DXA720903:DXA786432 EGW720903:EGW786432 EQS720903:EQS786432 FAO720903:FAO786432 FKK720903:FKK786432 FUG720903:FUG786432 GEC720903:GEC786432 GNY720903:GNY786432 GXU720903:GXU786432 HHQ720903:HHQ786432 HRM720903:HRM786432 IBI720903:IBI786432 ILE720903:ILE786432 IVA720903:IVA786432 JEW720903:JEW786432 JOS720903:JOS786432 JYO720903:JYO786432 KIK720903:KIK786432 KSG720903:KSG786432 LCC720903:LCC786432 LLY720903:LLY786432 LVU720903:LVU786432 MFQ720903:MFQ786432 MPM720903:MPM786432 MZI720903:MZI786432 NJE720903:NJE786432 NTA720903:NTA786432 OCW720903:OCW786432 OMS720903:OMS786432 OWO720903:OWO786432 PGK720903:PGK786432 PQG720903:PQG786432 QAC720903:QAC786432 QJY720903:QJY786432 QTU720903:QTU786432 RDQ720903:RDQ786432 RNM720903:RNM786432 RXI720903:RXI786432 SHE720903:SHE786432 SRA720903:SRA786432 TAW720903:TAW786432 TKS720903:TKS786432 TUO720903:TUO786432 UEK720903:UEK786432 UOG720903:UOG786432 UYC720903:UYC786432 VHY720903:VHY786432 VRU720903:VRU786432 WBQ720903:WBQ786432 WLM720903:WLM786432 WVI720903:WVI786432 IW786439:IW851968 SS786439:SS851968 ACO786439:ACO851968 AMK786439:AMK851968 AWG786439:AWG851968 BGC786439:BGC851968 BPY786439:BPY851968 BZU786439:BZU851968 CJQ786439:CJQ851968 CTM786439:CTM851968 DDI786439:DDI851968 DNE786439:DNE851968 DXA786439:DXA851968 EGW786439:EGW851968 EQS786439:EQS851968 FAO786439:FAO851968 FKK786439:FKK851968 FUG786439:FUG851968 GEC786439:GEC851968 GNY786439:GNY851968 GXU786439:GXU851968 HHQ786439:HHQ851968 HRM786439:HRM851968 IBI786439:IBI851968 ILE786439:ILE851968 IVA786439:IVA851968 JEW786439:JEW851968 JOS786439:JOS851968 JYO786439:JYO851968 KIK786439:KIK851968 KSG786439:KSG851968 LCC786439:LCC851968 LLY786439:LLY851968 LVU786439:LVU851968 MFQ786439:MFQ851968 MPM786439:MPM851968 MZI786439:MZI851968 NJE786439:NJE851968 NTA786439:NTA851968 OCW786439:OCW851968 OMS786439:OMS851968 OWO786439:OWO851968 PGK786439:PGK851968 PQG786439:PQG851968 QAC786439:QAC851968 QJY786439:QJY851968 QTU786439:QTU851968 RDQ786439:RDQ851968 RNM786439:RNM851968 RXI786439:RXI851968 SHE786439:SHE851968 SRA786439:SRA851968 TAW786439:TAW851968 TKS786439:TKS851968 TUO786439:TUO851968 UEK786439:UEK851968 UOG786439:UOG851968 UYC786439:UYC851968 VHY786439:VHY851968 VRU786439:VRU851968 WBQ786439:WBQ851968 WLM786439:WLM851968 WVI786439:WVI851968 IW851975:IW917504 SS851975:SS917504 ACO851975:ACO917504 AMK851975:AMK917504 AWG851975:AWG917504 BGC851975:BGC917504 BPY851975:BPY917504 BZU851975:BZU917504 CJQ851975:CJQ917504 CTM851975:CTM917504 DDI851975:DDI917504 DNE851975:DNE917504 DXA851975:DXA917504 EGW851975:EGW917504 EQS851975:EQS917504 FAO851975:FAO917504 FKK851975:FKK917504 FUG851975:FUG917504 GEC851975:GEC917504 GNY851975:GNY917504 GXU851975:GXU917504 HHQ851975:HHQ917504 HRM851975:HRM917504 IBI851975:IBI917504 ILE851975:ILE917504 IVA851975:IVA917504 JEW851975:JEW917504 JOS851975:JOS917504 JYO851975:JYO917504 KIK851975:KIK917504 KSG851975:KSG917504 LCC851975:LCC917504 LLY851975:LLY917504 LVU851975:LVU917504 MFQ851975:MFQ917504 MPM851975:MPM917504 MZI851975:MZI917504 NJE851975:NJE917504 NTA851975:NTA917504 OCW851975:OCW917504 OMS851975:OMS917504 OWO851975:OWO917504 PGK851975:PGK917504 PQG851975:PQG917504 QAC851975:QAC917504 QJY851975:QJY917504 QTU851975:QTU917504 RDQ851975:RDQ917504 RNM851975:RNM917504 RXI851975:RXI917504 SHE851975:SHE917504 SRA851975:SRA917504 TAW851975:TAW917504 TKS851975:TKS917504 TUO851975:TUO917504 UEK851975:UEK917504 UOG851975:UOG917504 UYC851975:UYC917504 VHY851975:VHY917504 VRU851975:VRU917504 WBQ851975:WBQ917504 WLM851975:WLM917504 WVI851975:WVI917504 IW917511:IW983040 SS917511:SS983040 ACO917511:ACO983040 AMK917511:AMK983040 AWG917511:AWG983040 BGC917511:BGC983040 BPY917511:BPY983040 BZU917511:BZU983040 CJQ917511:CJQ983040 CTM917511:CTM983040 DDI917511:DDI983040 DNE917511:DNE983040 DXA917511:DXA983040 EGW917511:EGW983040 EQS917511:EQS983040 FAO917511:FAO983040 FKK917511:FKK983040 FUG917511:FUG983040 GEC917511:GEC983040 GNY917511:GNY983040 GXU917511:GXU983040 HHQ917511:HHQ983040 HRM917511:HRM983040 IBI917511:IBI983040 ILE917511:ILE983040 IVA917511:IVA983040 JEW917511:JEW983040 JOS917511:JOS983040 JYO917511:JYO983040 KIK917511:KIK983040 KSG917511:KSG983040 LCC917511:LCC983040 LLY917511:LLY983040 LVU917511:LVU983040 MFQ917511:MFQ983040 MPM917511:MPM983040 MZI917511:MZI983040 NJE917511:NJE983040 NTA917511:NTA983040 OCW917511:OCW983040 OMS917511:OMS983040 OWO917511:OWO983040 PGK917511:PGK983040 PQG917511:PQG983040 QAC917511:QAC983040 QJY917511:QJY983040 QTU917511:QTU983040 RDQ917511:RDQ983040 RNM917511:RNM983040 RXI917511:RXI983040 SHE917511:SHE983040 SRA917511:SRA983040 TAW917511:TAW983040 TKS917511:TKS983040 TUO917511:TUO983040 UEK917511:UEK983040 UOG917511:UOG983040 UYC917511:UYC983040 VHY917511:VHY983040 VRU917511:VRU983040 WBQ917511:WBQ983040 WLM917511:WLM983040 WVI917511:WVI983040 IW983047:IW1048576 SS983047:SS1048576 ACO983047:ACO1048576 AMK983047:AMK1048576 AWG983047:AWG1048576 BGC983047:BGC1048576 BPY983047:BPY1048576 BZU983047:BZU1048576 CJQ983047:CJQ1048576 CTM983047:CTM1048576 DDI983047:DDI1048576 DNE983047:DNE1048576 DXA983047:DXA1048576 EGW983047:EGW1048576 EQS983047:EQS1048576 FAO983047:FAO1048576 FKK983047:FKK1048576 FUG983047:FUG1048576 GEC983047:GEC1048576 GNY983047:GNY1048576 GXU983047:GXU1048576 HHQ983047:HHQ1048576 HRM983047:HRM1048576 IBI983047:IBI1048576 ILE983047:ILE1048576 IVA983047:IVA1048576 JEW983047:JEW1048576 JOS983047:JOS1048576 JYO983047:JYO1048576 KIK983047:KIK1048576 KSG983047:KSG1048576 LCC983047:LCC1048576 LLY983047:LLY1048576 LVU983047:LVU1048576 MFQ983047:MFQ1048576 MPM983047:MPM1048576 MZI983047:MZI1048576 NJE983047:NJE1048576 NTA983047:NTA1048576 OCW983047:OCW1048576 OMS983047:OMS1048576 OWO983047:OWO1048576 PGK983047:PGK1048576 PQG983047:PQG1048576 QAC983047:QAC1048576 QJY983047:QJY1048576 QTU983047:QTU1048576 RDQ983047:RDQ1048576 RNM983047:RNM1048576 RXI983047:RXI1048576 SHE983047:SHE1048576 SRA983047:SRA1048576 TAW983047:TAW1048576 TKS983047:TKS1048576 TUO983047:TUO1048576 UEK983047:UEK1048576 UOG983047:UOG1048576 UYC983047:UYC1048576 VHY983047:VHY1048576 VRU983047:VRU1048576 WBQ983047:WBQ1048576 WLM983047:WLM1048576 WVI983047:WVI1048576" xr:uid="{2D101D24-E445-4101-B911-E22C0594CD58}">
      <formula1>"円グラフ,棒グラフ,帯グラフ,帯（５段階評価）,帯（７段階評価）,折線グラフ"</formula1>
    </dataValidation>
  </dataValidations>
  <hyperlinks>
    <hyperlink ref="B5" location="Details!A1" display="調査概要・集計条件詳細" xr:uid="{BAD9A2A6-6CA2-46B6-BB7D-3D01BE14517E}"/>
    <hyperlink ref="A7" location="Table!A1" display="数表" xr:uid="{1F087497-BD14-49FA-8E42-1F3446188B0F}"/>
    <hyperlink ref="A8" location="Table!A18" display="数表" xr:uid="{81443C73-CEFA-4847-BFD9-07F6CEFC695D}"/>
    <hyperlink ref="A9" location="Table!A33" display="数表" xr:uid="{28EBB647-EB0C-4B44-BC0F-24ADB8699FF9}"/>
    <hyperlink ref="A10" location="Table!A48" display="数表" xr:uid="{4B323453-5848-41BC-83D0-B8636E8E5C62}"/>
    <hyperlink ref="A11" location="Table!A63" display="数表" xr:uid="{EA10C9EC-60F9-433D-87D5-3C0153F682D2}"/>
    <hyperlink ref="A12" location="Table!A78" display="数表" xr:uid="{A1CEBED7-CA78-4222-AC28-9DBBEE32DB21}"/>
    <hyperlink ref="A13" location="Table!A129" display="数表" xr:uid="{61D6C753-3DE7-49FA-ADE1-4F536EE02D06}"/>
    <hyperlink ref="A14" location="Table!A144" display="数表" xr:uid="{FF110374-6997-4ABD-8780-AB6B747A8243}"/>
    <hyperlink ref="A15" location="Table!A159" display="数表" xr:uid="{1C4AD8EE-1534-49F0-B98A-B5EF2207EE82}"/>
    <hyperlink ref="A16" location="Table!A176" display="数表" xr:uid="{A7F2F4BB-1C87-4734-BC53-C7E710CF56F2}"/>
    <hyperlink ref="A17" location="Table!A191" display="数表" xr:uid="{AE580D09-D70D-41CB-8915-CF641944E72A}"/>
    <hyperlink ref="A18" location="Table!A206" display="数表" xr:uid="{E63B335A-0C53-4C5E-94E1-FBE55E9667F7}"/>
    <hyperlink ref="A19" location="Table!A223" display="数表" xr:uid="{28F14944-CC01-46D8-9E54-2F99256AC0A6}"/>
    <hyperlink ref="A20" location="Table!A238" display="数表" xr:uid="{5677DFF5-E4CE-4863-9EE7-5CAB7CEAD316}"/>
    <hyperlink ref="A21" location="Table!A253" display="数表" xr:uid="{362B5F4B-1BBA-475D-94EA-84563982E875}"/>
    <hyperlink ref="A22" location="Table!A270" display="数表" xr:uid="{9876CCD5-79E7-4F03-8F7C-300F99862166}"/>
    <hyperlink ref="A23" location="Table!A285" display="数表" xr:uid="{224539E9-7EE4-41C9-8E9B-42CD7FB8A977}"/>
    <hyperlink ref="A24" location="Table!A300" display="数表" xr:uid="{021315C3-9653-4836-8056-938CE6578A8E}"/>
    <hyperlink ref="A25" location="Table!A317" display="数表" xr:uid="{64B98588-02DE-4D69-90E3-53D2062CE9C6}"/>
    <hyperlink ref="A26" location="Table!A332" display="数表" xr:uid="{EBA73F8B-96F0-467D-A00A-F678BC6875A3}"/>
    <hyperlink ref="A27" location="Table!A347" display="数表" xr:uid="{CCCAA55D-D1CD-4255-9B0F-5B5BB79CC804}"/>
    <hyperlink ref="A28" location="Table!A362" display="数表" xr:uid="{4274BA0D-5CF0-465D-9755-67DBCB65430C}"/>
    <hyperlink ref="A29" location="Table!A379" display="数表" xr:uid="{EB126785-E1D0-4872-ADC1-0403D2970950}"/>
    <hyperlink ref="A30" location="Table!A394" display="数表" xr:uid="{685925DB-E3E6-4C37-8C73-904D0F2904D7}"/>
    <hyperlink ref="A31" location="Table!A411" display="数表" xr:uid="{18C49207-648A-4FCD-95BC-8A19D667FE82}"/>
    <hyperlink ref="A32" location="Table!A426" display="数表" xr:uid="{4D1CE4C2-A1EC-4171-A88D-48030D187F5D}"/>
    <hyperlink ref="A33" location="Table!A443" display="数表" xr:uid="{C73EB452-0114-4C9E-817E-7E1B4F4792D6}"/>
    <hyperlink ref="A34" location="Table!A458" display="数表" xr:uid="{6090BBC9-FCD1-47F3-81FA-5B812DB3C919}"/>
    <hyperlink ref="A35" location="Table!A475" display="数表" xr:uid="{7205CB1D-2746-4191-BBE5-FC7333A880EA}"/>
    <hyperlink ref="A36" location="Table!A490" display="数表" xr:uid="{F0E09863-C607-48BA-84E5-CCB7553B413B}"/>
    <hyperlink ref="A37" location="Table!A507" display="数表" xr:uid="{2E343778-22D6-4174-A421-1F6F29F76418}"/>
    <hyperlink ref="A38" location="Table!A524" display="数表" xr:uid="{0F0B4001-54C9-42D5-BACA-E00868264258}"/>
    <hyperlink ref="A39" location="Table!A539" display="数表" xr:uid="{44FD3CEF-2662-4C28-8E3C-7E95B79C9C12}"/>
    <hyperlink ref="A40" location="Table!A554" display="数表" xr:uid="{92ED3357-E9D8-4FFA-94B4-6E1E124F1912}"/>
    <hyperlink ref="A41" location="Table!A571" display="数表" xr:uid="{142CD18E-CCA2-48EB-8F88-34147DA817CD}"/>
    <hyperlink ref="A42" location="Table!A586" display="数表" xr:uid="{242E295C-2083-4F9A-8F0D-44C8A7BBBE08}"/>
    <hyperlink ref="A43" location="Table!A603" display="数表" xr:uid="{9B13C161-10CF-4F65-8440-9C4AF4FDC8AF}"/>
    <hyperlink ref="A44" location="Table!A618" display="数表" xr:uid="{43D99F57-7AC0-459D-B2F1-8DBB43BF8C70}"/>
    <hyperlink ref="A45" location="Table!A635" display="数表" xr:uid="{73D943D3-C627-453F-9292-104AB38AE5B9}"/>
    <hyperlink ref="A46" location="Table!A650" display="数表" xr:uid="{2BD20609-4780-436B-84AE-AB6BF6D08B65}"/>
    <hyperlink ref="A47" location="Table!A667" display="数表" xr:uid="{9E78C043-1B61-4A18-A4B8-4C72BEACE11F}"/>
    <hyperlink ref="A48" location="Table!A682" display="数表" xr:uid="{44D930DD-3DE3-49CE-973F-248ECBB2492F}"/>
    <hyperlink ref="A49" location="Table!A699" display="数表" xr:uid="{19534EB6-90AF-43C7-B162-4CA6608A27A2}"/>
    <hyperlink ref="A50" location="Table!A714" display="数表" xr:uid="{3DBEC465-A9EE-4AF7-82F5-CFCF551A5097}"/>
    <hyperlink ref="A51" location="Table!A731" display="数表" xr:uid="{A2390D64-109F-4199-BE3B-81B3AC547025}"/>
    <hyperlink ref="A52" location="Table!A746" display="数表" xr:uid="{4234E358-665E-4A60-92A7-E9AE0811D667}"/>
    <hyperlink ref="A53" location="Table!A763" display="数表" xr:uid="{06A74A15-1CBF-4CC3-B1E0-8903F0045C6C}"/>
    <hyperlink ref="A54" location="Table!A778" display="数表" xr:uid="{EDF4DEFB-F2BB-4538-BE6B-87512585F5DA}"/>
    <hyperlink ref="A55" location="Table!A795" display="数表" xr:uid="{54297879-4160-4224-A722-B3306105CDD5}"/>
    <hyperlink ref="A56" location="Table!A810" display="数表" xr:uid="{C312B71E-7FAE-44B3-A6FC-8BF80090680D}"/>
    <hyperlink ref="A57" location="Table!A827" display="数表" xr:uid="{E99E38BC-E4C9-4046-A89A-6A469381DEE8}"/>
    <hyperlink ref="A58" location="Table!A842" display="数表" xr:uid="{A1DAD38A-5EF7-4AE1-B479-3454A1E58881}"/>
    <hyperlink ref="A59" location="Table!A859" display="数表" xr:uid="{FAB91D84-0314-4339-93D2-5C95A03B79E8}"/>
    <hyperlink ref="A60" location="Table!A874" display="数表" xr:uid="{16B17463-8470-4C07-9368-E488BA1B5C91}"/>
    <hyperlink ref="A61" location="Table!A891" display="数表" xr:uid="{3C50AAAA-F88E-4875-9B8F-D1D5115727A3}"/>
    <hyperlink ref="A62" location="Table!A906" display="数表" xr:uid="{4696EEB6-EBDE-4EE0-A6A7-3A2CF3C0BFDE}"/>
    <hyperlink ref="A63" location="Table!A923" display="数表" xr:uid="{C6BAE5CB-9E30-4930-B547-02788CF113C4}"/>
    <hyperlink ref="A64" location="Table!A938" display="数表" xr:uid="{11B5C8EF-CB37-42B4-B11D-BD5CE690A69F}"/>
    <hyperlink ref="A65" location="Table!A955" display="数表" xr:uid="{16CB4117-99D2-4F83-9E50-3FDF547173BE}"/>
    <hyperlink ref="A66" location="Table!A972" display="数表" xr:uid="{3B28D72D-C458-42BA-A065-C4E401916708}"/>
    <hyperlink ref="A67" location="Table!A989" display="数表" xr:uid="{FF2356DF-4048-402A-9E5A-C6EA2FA5C4C7}"/>
    <hyperlink ref="A68" location="Table!A1006" display="数表" xr:uid="{8CC1815B-5FFE-4471-B57F-03608B4986C4}"/>
    <hyperlink ref="A69" location="Table!A1023" display="数表" xr:uid="{3EC25A02-E946-4D54-A109-94315121818D}"/>
    <hyperlink ref="A70" location="Table!A1040" display="数表" xr:uid="{4CA630D7-EDD0-40B5-A08A-784CD0E79AE2}"/>
    <hyperlink ref="A71" location="Table!A1057" display="数表" xr:uid="{CF7DDEF5-7336-444B-A414-2273D2040DF9}"/>
    <hyperlink ref="A72" location="Table!A1074" display="数表" xr:uid="{BE0035B8-C86A-49E2-8C7C-1D7ED2C86946}"/>
    <hyperlink ref="A73" location="Table!A1091" display="数表" xr:uid="{CB78B614-0F43-41E3-8DB9-0ECE70BA49FB}"/>
    <hyperlink ref="A74" location="Table!A1108" display="数表" xr:uid="{2E3F4C9E-58A0-4212-840B-1BCE95B0205B}"/>
    <hyperlink ref="A75" location="Table!A1123" display="数表" xr:uid="{DDAEE8C8-BD2B-484C-95A2-FA53FB00CADC}"/>
    <hyperlink ref="A76" location="Table!A1138" display="数表" xr:uid="{F0C1EF22-0725-4691-AD8C-0997447F1B6C}"/>
    <hyperlink ref="A77" location="Table!A1153" display="数表" xr:uid="{604A317A-D9D1-49A6-85EA-A2D356452679}"/>
    <hyperlink ref="A78" location="Table!A1168" display="数表" xr:uid="{A1E12C66-20A4-40DC-AF8B-1C6424DD424B}"/>
    <hyperlink ref="A79" location="Table!A1183" display="数表" xr:uid="{229B9A3C-86B3-435E-9ACA-87D9F2D0CBFE}"/>
    <hyperlink ref="A80" location="Table!A1198" display="数表" xr:uid="{6B053442-AF78-4D19-8484-89410D90456A}"/>
    <hyperlink ref="A81" location="Table!A1213" display="数表" xr:uid="{CB790F8B-F3C7-4F10-ABA3-AF631AF0003A}"/>
    <hyperlink ref="A82" location="Table!A1228" display="数表" xr:uid="{D72A984F-CF85-4B2B-A2C4-0E46B8418B13}"/>
    <hyperlink ref="A83" location="Table!A1243" display="数表" xr:uid="{CA2626C7-2772-47CD-9C79-7F8E7D4F960D}"/>
    <hyperlink ref="A84" location="Table!A1258" display="数表" xr:uid="{0A69DA5B-A399-47BD-9D2A-1673CA7D1D46}"/>
    <hyperlink ref="A85" location="Table!A1275" display="数表" xr:uid="{90B39DC6-2075-4624-95F5-DB40E7725F65}"/>
    <hyperlink ref="A86" location="Table!A1290" display="数表" xr:uid="{EB2F9FD8-6686-4C06-91BC-64D954B27731}"/>
    <hyperlink ref="A87" location="Table!A1307" display="数表" xr:uid="{DE155F47-87B2-4F11-AF2A-F63E6943EA1B}"/>
    <hyperlink ref="A88" location="Table!A1322" display="数表" xr:uid="{8CCE2A1E-740C-4132-A927-6EF3B3A80E54}"/>
    <hyperlink ref="A89" location="Table!A1339" display="数表" xr:uid="{88241277-C08B-4234-8602-D05F871F576C}"/>
    <hyperlink ref="A90" location="Table!A1354" display="数表" xr:uid="{92AC8779-126E-4EA2-9CF0-B49FD6C73BDD}"/>
    <hyperlink ref="A91" location="Table!A1371" display="数表" xr:uid="{C7982376-FFE3-4522-BDA6-D2784E692CC6}"/>
    <hyperlink ref="A92" location="Table!A1388" display="数表" xr:uid="{4B385201-4C0E-4C38-863C-EAA2706BCA0A}"/>
    <hyperlink ref="A93" location="Table!A1403" display="数表" xr:uid="{F7BF51E9-8073-4C8D-A0DE-792B9CB447B1}"/>
    <hyperlink ref="A94" location="Table!A1420" display="数表" xr:uid="{D6A9CCAD-2469-4DF3-AFEA-E123443BCA79}"/>
    <hyperlink ref="A95" location="Table!A1437" display="数表" xr:uid="{D48EF0F1-E32C-4112-B097-1507C59E6CC0}"/>
    <hyperlink ref="A96" location="Table!A1452" display="数表" xr:uid="{3BC33865-701A-4B01-9D5E-5728FB6D5700}"/>
    <hyperlink ref="A97" location="Table!A1469" display="数表" xr:uid="{BEA3B0A6-4547-4C3B-84F0-2B63B4BD121F}"/>
    <hyperlink ref="A98" location="Table!A1484" display="数表" xr:uid="{E63B8281-E501-4133-B6EF-9731F8DA8688}"/>
    <hyperlink ref="A99" location="Table!A1499" display="数表" xr:uid="{1C5BFC62-0BD1-4461-BC21-25E40BCF539E}"/>
    <hyperlink ref="A100" location="Table!A1514" display="数表" xr:uid="{3283C943-4DE1-425A-A8D1-D92303FCA9D8}"/>
    <hyperlink ref="A101" location="Table!A1529" display="数表" xr:uid="{3F3E101E-D3AE-4119-A64A-F366CE6B9344}"/>
    <hyperlink ref="A102" location="Table!A1546" display="数表" xr:uid="{4DD43960-BED3-49C2-85B1-AC3A0CFEEB89}"/>
    <hyperlink ref="A103" location="Table!A1563" display="数表" xr:uid="{5E7452EA-1E9E-42FB-8945-8E4509F21664}"/>
    <hyperlink ref="A104" location="Table!A1578" display="数表" xr:uid="{CF1C6E9A-51EC-4FA9-BC1A-AB745D09789D}"/>
    <hyperlink ref="A105" location="Table!A1595" display="数表" xr:uid="{5E730459-B250-41C9-B5E3-9F0BCCCA7770}"/>
    <hyperlink ref="A106" location="Table!A1612" display="数表" xr:uid="{C2F221ED-CAAE-488E-B979-49F8BD8BA838}"/>
    <hyperlink ref="A107" location="Table!A1627" display="数表" xr:uid="{F264F349-503B-404E-95FC-CF0BEF0BE2A5}"/>
    <hyperlink ref="A108" location="Table!A1642" display="数表" xr:uid="{47D7678A-A1AB-454A-8850-9A5E7E935C79}"/>
    <hyperlink ref="A109" location="Table!A1659" display="数表" xr:uid="{C67A8EEF-BEA3-4245-8D03-2A442C8A5DFE}"/>
    <hyperlink ref="A110" location="Table!A1676" display="数表" xr:uid="{0371C629-6122-4315-9EC5-9BE38FF78A31}"/>
    <hyperlink ref="A111" location="Table!A1691" display="数表" xr:uid="{5153D616-A9CB-4844-96B8-0C936950CE62}"/>
    <hyperlink ref="A112" location="Table!A1708" display="数表" xr:uid="{37490B68-892A-47D4-9E88-1F97D7E760BB}"/>
    <hyperlink ref="A113" location="Table!A1725" display="数表" xr:uid="{9F064E69-FD8E-4619-A224-5DA61EE33000}"/>
    <hyperlink ref="A114" location="Table!A1742" display="数表" xr:uid="{BCAEA17E-30FE-4BEA-8D1F-F5C4F897D189}"/>
    <hyperlink ref="A115" location="Table!A1759" display="数表" xr:uid="{FB17C426-F2A6-44C8-8588-FD811767F932}"/>
    <hyperlink ref="A116" location="Table!A1776" display="数表" xr:uid="{6A0A3AB3-9E76-422A-8B0C-0021374D018D}"/>
    <hyperlink ref="A117" location="Table!A1793" display="数表" xr:uid="{88A8FC19-5038-4F13-A810-62BB50CBF86B}"/>
    <hyperlink ref="A118" location="Table!A1810" display="数表" xr:uid="{F5DAE992-AF11-45E3-B3E5-FF87C2E4CDA4}"/>
    <hyperlink ref="A119" location="Table!A1827" display="数表" xr:uid="{9CCA0114-6ED9-4E78-81D6-4A8FC34581A7}"/>
    <hyperlink ref="A120" location="Table!A1844" display="数表" xr:uid="{609EBB4C-1257-4E4A-B23E-B433312C637D}"/>
    <hyperlink ref="A121" location="Table!A1861" display="数表" xr:uid="{12BBBFF1-94BC-4C1A-AA91-00FBBE4F19BC}"/>
    <hyperlink ref="A122" location="Table!A1878" display="数表" xr:uid="{346153FB-4F99-4F8D-89E6-152C0879B899}"/>
    <hyperlink ref="A123" location="Table!A1895" display="数表" xr:uid="{45B60DF1-5868-41D3-A7EA-331899956262}"/>
    <hyperlink ref="A124" location="Table!A1912" display="数表" xr:uid="{E098DC7A-DEBF-408F-930C-FFCAEAA4977B}"/>
    <hyperlink ref="A125" location="Table!A1929" display="数表" xr:uid="{AF2A53E9-E831-45E4-9791-370C407BDF55}"/>
    <hyperlink ref="A126" location="Table!A1946" display="数表" xr:uid="{610A0006-E820-4CBE-9DB5-BCDE44F755F0}"/>
    <hyperlink ref="A127" location="Table!A1963" display="数表" xr:uid="{FE228711-E557-45C6-85BF-9FB8463FE87D}"/>
    <hyperlink ref="A128" location="Table!A1980" display="数表" xr:uid="{F7065846-C325-4B81-B2AF-92EDF4393D80}"/>
    <hyperlink ref="A129" location="Table!A1997" display="数表" xr:uid="{45D0CE79-C035-4B06-A6CD-238870762FF7}"/>
    <hyperlink ref="A130" location="Table!A2014" display="数表" xr:uid="{D8CB6553-B295-439A-85AB-51E343261F8F}"/>
    <hyperlink ref="A131" location="Table!A2029" display="数表" xr:uid="{CC060536-8629-4CD7-8114-1F71F4FAA073}"/>
    <hyperlink ref="A132" location="Table!A2044" display="数表" xr:uid="{D9733FE8-590C-4E47-B212-1F683EEA3080}"/>
    <hyperlink ref="A133" location="Table!A2061" display="数表" xr:uid="{B455AF74-ECE3-4F7F-931C-33F067D03943}"/>
    <hyperlink ref="A134" location="Table!A2078" display="数表" xr:uid="{E5570EAE-737D-4659-AA31-8DC93A1DE87B}"/>
    <hyperlink ref="A135" location="Table!A2093" display="数表" xr:uid="{37A7DE53-FDD0-4304-B684-AC9F097CD170}"/>
    <hyperlink ref="A136" location="Table!A2108" display="数表" xr:uid="{8F269FBE-BCB1-49CA-B5A1-76E86FBFF358}"/>
    <hyperlink ref="A137" location="Table!A2125" display="数表" xr:uid="{186B5AA9-B6EC-45CA-B131-DFBBA620F3B2}"/>
    <hyperlink ref="A138" location="Table!A2140" display="数表" xr:uid="{0EFE0317-0150-404F-9FB3-9BD437F134EC}"/>
    <hyperlink ref="A139" location="Table!A2157" display="数表" xr:uid="{1B845D62-05B1-49C8-BD80-D0091E14063B}"/>
    <hyperlink ref="A140" location="Table!A2174" display="数表" xr:uid="{D7B6C1ED-3546-4FF1-BDF8-6AF8650AF52C}"/>
    <hyperlink ref="A141" location="Table!A2191" display="数表" xr:uid="{9A2698F2-5066-4BF1-9A71-94436830DB48}"/>
    <hyperlink ref="A142" location="Table!A2208" display="数表" xr:uid="{EE353438-A2AB-433C-8029-BD0E13CC30FE}"/>
    <hyperlink ref="A143" location="Table!A2223" display="数表" xr:uid="{9B93B726-1892-4D2B-BA10-9AA3180E1162}"/>
    <hyperlink ref="A144" location="Table!A2238" display="数表" xr:uid="{E4417DD6-C225-4DE1-B9AF-F520415A6109}"/>
    <hyperlink ref="A145" location="Table!A2253" display="数表" xr:uid="{EAFD621B-E62C-4C73-84E8-7F8C80D17471}"/>
    <hyperlink ref="A146" location="Table!A2268" display="数表" xr:uid="{E4D9E385-1324-48D7-A55D-226A9AE56986}"/>
    <hyperlink ref="A147" location="Table!A2285" display="数表" xr:uid="{30F75189-F1A6-43C6-B650-8BF0C23C7675}"/>
    <hyperlink ref="A148" location="Table!A2302" display="数表" xr:uid="{35F05432-BD72-4C08-AF58-AE8FFF4E6259}"/>
    <hyperlink ref="A149" location="Table!A2319" display="数表" xr:uid="{56E4B395-A009-4D0C-80F4-E330F90FFB51}"/>
    <hyperlink ref="A150" location="Table!A2336" display="数表" xr:uid="{93C92A2D-C5BB-4AAF-917C-A7AFA74E112F}"/>
    <hyperlink ref="A151" location="Table!A2353" display="数表" xr:uid="{8C04791B-68CC-4A6D-971D-1A4CC3B1274F}"/>
    <hyperlink ref="A152" location="Table!A2370" display="数表" xr:uid="{BC150930-2659-410F-804E-4DCFFF215084}"/>
    <hyperlink ref="A153" location="Table!A2387" display="数表" xr:uid="{BC348B93-17F9-4AD8-972B-43A0106E65F0}"/>
    <hyperlink ref="A154" location="Table!A2404" display="数表" xr:uid="{FD1D5E3D-348D-4324-8DA5-C33CAE4CC571}"/>
    <hyperlink ref="A155" location="Table!A2421" display="数表" xr:uid="{F71E89EF-91A6-41C0-B245-52D90056AC6E}"/>
    <hyperlink ref="A156" location="Table!A2436" display="数表" xr:uid="{759D1C57-55D8-40CA-A4AD-38EF79D338B4}"/>
    <hyperlink ref="A157" location="Table!A2453" display="数表" xr:uid="{7C805D20-2E79-45D6-AEFD-A0CB3D8008A0}"/>
    <hyperlink ref="A158" location="Table!A2470" display="数表" xr:uid="{296E2E66-9FB6-4500-B8FE-9DC22498BCC1}"/>
    <hyperlink ref="A159" location="Table!A2487" display="数表" xr:uid="{BA933259-6DA6-4B67-AE2E-70D638F71E61}"/>
    <hyperlink ref="A160" location="Table!A2502" display="数表" xr:uid="{FF6F9B22-C88E-420E-AC72-C8E5167555A5}"/>
    <hyperlink ref="A161" location="Table!A2519" display="数表" xr:uid="{5FE2DB91-F1FD-441E-86F6-5F5E0C6E00FB}"/>
    <hyperlink ref="A162" location="Table!A2536" display="数表" xr:uid="{19D660FC-EF78-45F3-B60E-43AA079DDE54}"/>
    <hyperlink ref="A163" location="Table!A2553" display="数表" xr:uid="{485E6C82-053A-4B4C-9746-BAF3DFCF7A43}"/>
    <hyperlink ref="A164" location="Table!A2568" display="数表" xr:uid="{E34DF194-6E9F-4A0D-80BC-9D2F95A637CA}"/>
    <hyperlink ref="A165" location="Table!A2585" display="数表" xr:uid="{95496FCB-565B-4F0A-B725-D7A3CD6ECD91}"/>
    <hyperlink ref="A166" location="Table!A2602" display="数表" xr:uid="{E8A73271-C94B-4810-8A25-B45030C70B06}"/>
    <hyperlink ref="A167" location="Table!A2617" display="数表" xr:uid="{20F265DA-7666-4FF5-8DC6-D24E0AA8BE3E}"/>
    <hyperlink ref="A168" location="Table!A2634" display="数表" xr:uid="{E1DDAA0B-CE9F-4A6D-B06B-DA1E4D7F6A2B}"/>
    <hyperlink ref="A169" location="Table!A2651" display="数表" xr:uid="{BE142198-4896-4285-A8F6-1B5E952B4667}"/>
    <hyperlink ref="A170" location="Table!A2666" display="数表" xr:uid="{5B3FF0A2-7B6A-4066-85E0-AEB2DBC1D8B2}"/>
    <hyperlink ref="A171" location="Table!A2683" display="数表" xr:uid="{CDA8A1A3-494E-4DFE-87DE-4073F6A399D7}"/>
    <hyperlink ref="A172" location="Table!A2700" display="数表" xr:uid="{515A65BE-D8D8-4863-9791-D00C86AAB5EB}"/>
    <hyperlink ref="A173" location="Table!A2717" display="数表" xr:uid="{BA9A10DE-2FE5-4D61-AB01-2AE7E49A4D1A}"/>
    <hyperlink ref="A174" location="Table!A2732" display="数表" xr:uid="{CAC51C6F-8867-4BB6-BE8B-C0FDA64AF52D}"/>
    <hyperlink ref="A175" location="Table!A2747" display="数表" xr:uid="{7B9CB660-BE31-4F33-9394-E16E4ECED2B0}"/>
    <hyperlink ref="A176" location="Table!A2764" display="数表" xr:uid="{A140F12D-9BF2-4971-AC35-CC94B07E6F1B}"/>
    <hyperlink ref="A177" location="Table!A2779" display="数表" xr:uid="{21900711-9F75-456D-A097-12675F98D870}"/>
    <hyperlink ref="A178" location="Table!A2794" display="数表" xr:uid="{8DBD56E8-F088-4D19-B17A-7639F8812AAC}"/>
    <hyperlink ref="A179" location="Table!A2811" display="数表" xr:uid="{181D91E8-C41C-49AA-8B81-EFACB62CF681}"/>
    <hyperlink ref="A180" location="Table!A2826" display="数表" xr:uid="{13565641-21D9-449C-BA7E-B6DFF307E5D2}"/>
    <hyperlink ref="A181" location="Table!A2841" display="数表" xr:uid="{E53F9A20-61BC-4045-A365-7D6C8D893F90}"/>
    <hyperlink ref="A182" location="Table!A2858" display="数表" xr:uid="{50A09CEC-51DC-455E-A44C-8AB4B395B728}"/>
    <hyperlink ref="A183" location="Table!A2873" display="数表" xr:uid="{12B5D02B-1DB7-426E-85F1-4B56CF3DBC4D}"/>
    <hyperlink ref="A184" location="Table!A2888" display="数表" xr:uid="{43EBD49D-3E20-435E-92E3-D5E1CBF148DF}"/>
    <hyperlink ref="A185" location="Table!A2903" display="数表" xr:uid="{DBEDF472-8194-4B05-92A6-3875F4F15810}"/>
    <hyperlink ref="A186" location="Table!A2920" display="数表" xr:uid="{A1B21EFA-B791-46A8-BEB4-87C686C8CB92}"/>
    <hyperlink ref="A187" location="Table!A2937" display="数表" xr:uid="{2ED612FA-894A-4364-94E5-96988219DA71}"/>
    <hyperlink ref="A188" location="Table!A2952" display="数表" xr:uid="{1D5AEA22-4C0E-4F0A-95A7-95CC6BE3599A}"/>
    <hyperlink ref="A189" location="Table!A2967" display="数表" xr:uid="{C942792B-AE0B-42F3-8A14-93AC6258719A}"/>
    <hyperlink ref="A190" location="Table!A2984" display="数表" xr:uid="{0A9C63B9-4ACF-4566-B05F-B3D33BB80531}"/>
    <hyperlink ref="A191" location="Table!A3001" display="数表" xr:uid="{F7267014-A7B5-48AE-B49E-94D0FBF31D58}"/>
    <hyperlink ref="A192" location="Table!A3016" display="数表" xr:uid="{115FF050-0AEF-4D3B-BDB0-CE73F5897E70}"/>
  </hyperlinks>
  <pageMargins left="0.59055118110236227" right="0.39370078740157483" top="0.98425196850393704" bottom="0.98425196850393704" header="0.51181102362204722" footer="0.51181102362204722"/>
  <pageSetup paperSize="9" orientation="landscape" r:id="rId1"/>
  <headerFooter alignWithMargins="0">
    <oddFooter>&amp;R&amp;9&amp;P/&amp;N&amp;L&amp;9</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67ECF65-ED89-4DB6-A9CD-ECA0357DA71F}">
  <dimension ref="A1:E19"/>
  <sheetViews>
    <sheetView showGridLines="0" zoomScaleNormal="100" workbookViewId="0"/>
  </sheetViews>
  <sheetFormatPr defaultRowHeight="13.2" x14ac:dyDescent="0.2"/>
  <cols>
    <col min="1" max="1" width="5.6640625" customWidth="1"/>
    <col min="2" max="2" width="13.6640625" customWidth="1"/>
    <col min="3" max="3" width="11.6640625" style="6" customWidth="1"/>
    <col min="4" max="4" width="110.6640625" customWidth="1"/>
    <col min="257" max="257" width="5.6640625" customWidth="1"/>
    <col min="258" max="258" width="13.6640625" customWidth="1"/>
    <col min="259" max="259" width="11.6640625" customWidth="1"/>
    <col min="260" max="260" width="110.6640625" customWidth="1"/>
    <col min="513" max="513" width="5.6640625" customWidth="1"/>
    <col min="514" max="514" width="13.6640625" customWidth="1"/>
    <col min="515" max="515" width="11.6640625" customWidth="1"/>
    <col min="516" max="516" width="110.6640625" customWidth="1"/>
    <col min="769" max="769" width="5.6640625" customWidth="1"/>
    <col min="770" max="770" width="13.6640625" customWidth="1"/>
    <col min="771" max="771" width="11.6640625" customWidth="1"/>
    <col min="772" max="772" width="110.6640625" customWidth="1"/>
    <col min="1025" max="1025" width="5.6640625" customWidth="1"/>
    <col min="1026" max="1026" width="13.6640625" customWidth="1"/>
    <col min="1027" max="1027" width="11.6640625" customWidth="1"/>
    <col min="1028" max="1028" width="110.6640625" customWidth="1"/>
    <col min="1281" max="1281" width="5.6640625" customWidth="1"/>
    <col min="1282" max="1282" width="13.6640625" customWidth="1"/>
    <col min="1283" max="1283" width="11.6640625" customWidth="1"/>
    <col min="1284" max="1284" width="110.6640625" customWidth="1"/>
    <col min="1537" max="1537" width="5.6640625" customWidth="1"/>
    <col min="1538" max="1538" width="13.6640625" customWidth="1"/>
    <col min="1539" max="1539" width="11.6640625" customWidth="1"/>
    <col min="1540" max="1540" width="110.6640625" customWidth="1"/>
    <col min="1793" max="1793" width="5.6640625" customWidth="1"/>
    <col min="1794" max="1794" width="13.6640625" customWidth="1"/>
    <col min="1795" max="1795" width="11.6640625" customWidth="1"/>
    <col min="1796" max="1796" width="110.6640625" customWidth="1"/>
    <col min="2049" max="2049" width="5.6640625" customWidth="1"/>
    <col min="2050" max="2050" width="13.6640625" customWidth="1"/>
    <col min="2051" max="2051" width="11.6640625" customWidth="1"/>
    <col min="2052" max="2052" width="110.6640625" customWidth="1"/>
    <col min="2305" max="2305" width="5.6640625" customWidth="1"/>
    <col min="2306" max="2306" width="13.6640625" customWidth="1"/>
    <col min="2307" max="2307" width="11.6640625" customWidth="1"/>
    <col min="2308" max="2308" width="110.6640625" customWidth="1"/>
    <col min="2561" max="2561" width="5.6640625" customWidth="1"/>
    <col min="2562" max="2562" width="13.6640625" customWidth="1"/>
    <col min="2563" max="2563" width="11.6640625" customWidth="1"/>
    <col min="2564" max="2564" width="110.6640625" customWidth="1"/>
    <col min="2817" max="2817" width="5.6640625" customWidth="1"/>
    <col min="2818" max="2818" width="13.6640625" customWidth="1"/>
    <col min="2819" max="2819" width="11.6640625" customWidth="1"/>
    <col min="2820" max="2820" width="110.6640625" customWidth="1"/>
    <col min="3073" max="3073" width="5.6640625" customWidth="1"/>
    <col min="3074" max="3074" width="13.6640625" customWidth="1"/>
    <col min="3075" max="3075" width="11.6640625" customWidth="1"/>
    <col min="3076" max="3076" width="110.6640625" customWidth="1"/>
    <col min="3329" max="3329" width="5.6640625" customWidth="1"/>
    <col min="3330" max="3330" width="13.6640625" customWidth="1"/>
    <col min="3331" max="3331" width="11.6640625" customWidth="1"/>
    <col min="3332" max="3332" width="110.6640625" customWidth="1"/>
    <col min="3585" max="3585" width="5.6640625" customWidth="1"/>
    <col min="3586" max="3586" width="13.6640625" customWidth="1"/>
    <col min="3587" max="3587" width="11.6640625" customWidth="1"/>
    <col min="3588" max="3588" width="110.6640625" customWidth="1"/>
    <col min="3841" max="3841" width="5.6640625" customWidth="1"/>
    <col min="3842" max="3842" width="13.6640625" customWidth="1"/>
    <col min="3843" max="3843" width="11.6640625" customWidth="1"/>
    <col min="3844" max="3844" width="110.6640625" customWidth="1"/>
    <col min="4097" max="4097" width="5.6640625" customWidth="1"/>
    <col min="4098" max="4098" width="13.6640625" customWidth="1"/>
    <col min="4099" max="4099" width="11.6640625" customWidth="1"/>
    <col min="4100" max="4100" width="110.6640625" customWidth="1"/>
    <col min="4353" max="4353" width="5.6640625" customWidth="1"/>
    <col min="4354" max="4354" width="13.6640625" customWidth="1"/>
    <col min="4355" max="4355" width="11.6640625" customWidth="1"/>
    <col min="4356" max="4356" width="110.6640625" customWidth="1"/>
    <col min="4609" max="4609" width="5.6640625" customWidth="1"/>
    <col min="4610" max="4610" width="13.6640625" customWidth="1"/>
    <col min="4611" max="4611" width="11.6640625" customWidth="1"/>
    <col min="4612" max="4612" width="110.6640625" customWidth="1"/>
    <col min="4865" max="4865" width="5.6640625" customWidth="1"/>
    <col min="4866" max="4866" width="13.6640625" customWidth="1"/>
    <col min="4867" max="4867" width="11.6640625" customWidth="1"/>
    <col min="4868" max="4868" width="110.6640625" customWidth="1"/>
    <col min="5121" max="5121" width="5.6640625" customWidth="1"/>
    <col min="5122" max="5122" width="13.6640625" customWidth="1"/>
    <col min="5123" max="5123" width="11.6640625" customWidth="1"/>
    <col min="5124" max="5124" width="110.6640625" customWidth="1"/>
    <col min="5377" max="5377" width="5.6640625" customWidth="1"/>
    <col min="5378" max="5378" width="13.6640625" customWidth="1"/>
    <col min="5379" max="5379" width="11.6640625" customWidth="1"/>
    <col min="5380" max="5380" width="110.6640625" customWidth="1"/>
    <col min="5633" max="5633" width="5.6640625" customWidth="1"/>
    <col min="5634" max="5634" width="13.6640625" customWidth="1"/>
    <col min="5635" max="5635" width="11.6640625" customWidth="1"/>
    <col min="5636" max="5636" width="110.6640625" customWidth="1"/>
    <col min="5889" max="5889" width="5.6640625" customWidth="1"/>
    <col min="5890" max="5890" width="13.6640625" customWidth="1"/>
    <col min="5891" max="5891" width="11.6640625" customWidth="1"/>
    <col min="5892" max="5892" width="110.6640625" customWidth="1"/>
    <col min="6145" max="6145" width="5.6640625" customWidth="1"/>
    <col min="6146" max="6146" width="13.6640625" customWidth="1"/>
    <col min="6147" max="6147" width="11.6640625" customWidth="1"/>
    <col min="6148" max="6148" width="110.6640625" customWidth="1"/>
    <col min="6401" max="6401" width="5.6640625" customWidth="1"/>
    <col min="6402" max="6402" width="13.6640625" customWidth="1"/>
    <col min="6403" max="6403" width="11.6640625" customWidth="1"/>
    <col min="6404" max="6404" width="110.6640625" customWidth="1"/>
    <col min="6657" max="6657" width="5.6640625" customWidth="1"/>
    <col min="6658" max="6658" width="13.6640625" customWidth="1"/>
    <col min="6659" max="6659" width="11.6640625" customWidth="1"/>
    <col min="6660" max="6660" width="110.6640625" customWidth="1"/>
    <col min="6913" max="6913" width="5.6640625" customWidth="1"/>
    <col min="6914" max="6914" width="13.6640625" customWidth="1"/>
    <col min="6915" max="6915" width="11.6640625" customWidth="1"/>
    <col min="6916" max="6916" width="110.6640625" customWidth="1"/>
    <col min="7169" max="7169" width="5.6640625" customWidth="1"/>
    <col min="7170" max="7170" width="13.6640625" customWidth="1"/>
    <col min="7171" max="7171" width="11.6640625" customWidth="1"/>
    <col min="7172" max="7172" width="110.6640625" customWidth="1"/>
    <col min="7425" max="7425" width="5.6640625" customWidth="1"/>
    <col min="7426" max="7426" width="13.6640625" customWidth="1"/>
    <col min="7427" max="7427" width="11.6640625" customWidth="1"/>
    <col min="7428" max="7428" width="110.6640625" customWidth="1"/>
    <col min="7681" max="7681" width="5.6640625" customWidth="1"/>
    <col min="7682" max="7682" width="13.6640625" customWidth="1"/>
    <col min="7683" max="7683" width="11.6640625" customWidth="1"/>
    <col min="7684" max="7684" width="110.6640625" customWidth="1"/>
    <col min="7937" max="7937" width="5.6640625" customWidth="1"/>
    <col min="7938" max="7938" width="13.6640625" customWidth="1"/>
    <col min="7939" max="7939" width="11.6640625" customWidth="1"/>
    <col min="7940" max="7940" width="110.6640625" customWidth="1"/>
    <col min="8193" max="8193" width="5.6640625" customWidth="1"/>
    <col min="8194" max="8194" width="13.6640625" customWidth="1"/>
    <col min="8195" max="8195" width="11.6640625" customWidth="1"/>
    <col min="8196" max="8196" width="110.6640625" customWidth="1"/>
    <col min="8449" max="8449" width="5.6640625" customWidth="1"/>
    <col min="8450" max="8450" width="13.6640625" customWidth="1"/>
    <col min="8451" max="8451" width="11.6640625" customWidth="1"/>
    <col min="8452" max="8452" width="110.6640625" customWidth="1"/>
    <col min="8705" max="8705" width="5.6640625" customWidth="1"/>
    <col min="8706" max="8706" width="13.6640625" customWidth="1"/>
    <col min="8707" max="8707" width="11.6640625" customWidth="1"/>
    <col min="8708" max="8708" width="110.6640625" customWidth="1"/>
    <col min="8961" max="8961" width="5.6640625" customWidth="1"/>
    <col min="8962" max="8962" width="13.6640625" customWidth="1"/>
    <col min="8963" max="8963" width="11.6640625" customWidth="1"/>
    <col min="8964" max="8964" width="110.6640625" customWidth="1"/>
    <col min="9217" max="9217" width="5.6640625" customWidth="1"/>
    <col min="9218" max="9218" width="13.6640625" customWidth="1"/>
    <col min="9219" max="9219" width="11.6640625" customWidth="1"/>
    <col min="9220" max="9220" width="110.6640625" customWidth="1"/>
    <col min="9473" max="9473" width="5.6640625" customWidth="1"/>
    <col min="9474" max="9474" width="13.6640625" customWidth="1"/>
    <col min="9475" max="9475" width="11.6640625" customWidth="1"/>
    <col min="9476" max="9476" width="110.6640625" customWidth="1"/>
    <col min="9729" max="9729" width="5.6640625" customWidth="1"/>
    <col min="9730" max="9730" width="13.6640625" customWidth="1"/>
    <col min="9731" max="9731" width="11.6640625" customWidth="1"/>
    <col min="9732" max="9732" width="110.6640625" customWidth="1"/>
    <col min="9985" max="9985" width="5.6640625" customWidth="1"/>
    <col min="9986" max="9986" width="13.6640625" customWidth="1"/>
    <col min="9987" max="9987" width="11.6640625" customWidth="1"/>
    <col min="9988" max="9988" width="110.6640625" customWidth="1"/>
    <col min="10241" max="10241" width="5.6640625" customWidth="1"/>
    <col min="10242" max="10242" width="13.6640625" customWidth="1"/>
    <col min="10243" max="10243" width="11.6640625" customWidth="1"/>
    <col min="10244" max="10244" width="110.6640625" customWidth="1"/>
    <col min="10497" max="10497" width="5.6640625" customWidth="1"/>
    <col min="10498" max="10498" width="13.6640625" customWidth="1"/>
    <col min="10499" max="10499" width="11.6640625" customWidth="1"/>
    <col min="10500" max="10500" width="110.6640625" customWidth="1"/>
    <col min="10753" max="10753" width="5.6640625" customWidth="1"/>
    <col min="10754" max="10754" width="13.6640625" customWidth="1"/>
    <col min="10755" max="10755" width="11.6640625" customWidth="1"/>
    <col min="10756" max="10756" width="110.6640625" customWidth="1"/>
    <col min="11009" max="11009" width="5.6640625" customWidth="1"/>
    <col min="11010" max="11010" width="13.6640625" customWidth="1"/>
    <col min="11011" max="11011" width="11.6640625" customWidth="1"/>
    <col min="11012" max="11012" width="110.6640625" customWidth="1"/>
    <col min="11265" max="11265" width="5.6640625" customWidth="1"/>
    <col min="11266" max="11266" width="13.6640625" customWidth="1"/>
    <col min="11267" max="11267" width="11.6640625" customWidth="1"/>
    <col min="11268" max="11268" width="110.6640625" customWidth="1"/>
    <col min="11521" max="11521" width="5.6640625" customWidth="1"/>
    <col min="11522" max="11522" width="13.6640625" customWidth="1"/>
    <col min="11523" max="11523" width="11.6640625" customWidth="1"/>
    <col min="11524" max="11524" width="110.6640625" customWidth="1"/>
    <col min="11777" max="11777" width="5.6640625" customWidth="1"/>
    <col min="11778" max="11778" width="13.6640625" customWidth="1"/>
    <col min="11779" max="11779" width="11.6640625" customWidth="1"/>
    <col min="11780" max="11780" width="110.6640625" customWidth="1"/>
    <col min="12033" max="12033" width="5.6640625" customWidth="1"/>
    <col min="12034" max="12034" width="13.6640625" customWidth="1"/>
    <col min="12035" max="12035" width="11.6640625" customWidth="1"/>
    <col min="12036" max="12036" width="110.6640625" customWidth="1"/>
    <col min="12289" max="12289" width="5.6640625" customWidth="1"/>
    <col min="12290" max="12290" width="13.6640625" customWidth="1"/>
    <col min="12291" max="12291" width="11.6640625" customWidth="1"/>
    <col min="12292" max="12292" width="110.6640625" customWidth="1"/>
    <col min="12545" max="12545" width="5.6640625" customWidth="1"/>
    <col min="12546" max="12546" width="13.6640625" customWidth="1"/>
    <col min="12547" max="12547" width="11.6640625" customWidth="1"/>
    <col min="12548" max="12548" width="110.6640625" customWidth="1"/>
    <col min="12801" max="12801" width="5.6640625" customWidth="1"/>
    <col min="12802" max="12802" width="13.6640625" customWidth="1"/>
    <col min="12803" max="12803" width="11.6640625" customWidth="1"/>
    <col min="12804" max="12804" width="110.6640625" customWidth="1"/>
    <col min="13057" max="13057" width="5.6640625" customWidth="1"/>
    <col min="13058" max="13058" width="13.6640625" customWidth="1"/>
    <col min="13059" max="13059" width="11.6640625" customWidth="1"/>
    <col min="13060" max="13060" width="110.6640625" customWidth="1"/>
    <col min="13313" max="13313" width="5.6640625" customWidth="1"/>
    <col min="13314" max="13314" width="13.6640625" customWidth="1"/>
    <col min="13315" max="13315" width="11.6640625" customWidth="1"/>
    <col min="13316" max="13316" width="110.6640625" customWidth="1"/>
    <col min="13569" max="13569" width="5.6640625" customWidth="1"/>
    <col min="13570" max="13570" width="13.6640625" customWidth="1"/>
    <col min="13571" max="13571" width="11.6640625" customWidth="1"/>
    <col min="13572" max="13572" width="110.6640625" customWidth="1"/>
    <col min="13825" max="13825" width="5.6640625" customWidth="1"/>
    <col min="13826" max="13826" width="13.6640625" customWidth="1"/>
    <col min="13827" max="13827" width="11.6640625" customWidth="1"/>
    <col min="13828" max="13828" width="110.6640625" customWidth="1"/>
    <col min="14081" max="14081" width="5.6640625" customWidth="1"/>
    <col min="14082" max="14082" width="13.6640625" customWidth="1"/>
    <col min="14083" max="14083" width="11.6640625" customWidth="1"/>
    <col min="14084" max="14084" width="110.6640625" customWidth="1"/>
    <col min="14337" max="14337" width="5.6640625" customWidth="1"/>
    <col min="14338" max="14338" width="13.6640625" customWidth="1"/>
    <col min="14339" max="14339" width="11.6640625" customWidth="1"/>
    <col min="14340" max="14340" width="110.6640625" customWidth="1"/>
    <col min="14593" max="14593" width="5.6640625" customWidth="1"/>
    <col min="14594" max="14594" width="13.6640625" customWidth="1"/>
    <col min="14595" max="14595" width="11.6640625" customWidth="1"/>
    <col min="14596" max="14596" width="110.6640625" customWidth="1"/>
    <col min="14849" max="14849" width="5.6640625" customWidth="1"/>
    <col min="14850" max="14850" width="13.6640625" customWidth="1"/>
    <col min="14851" max="14851" width="11.6640625" customWidth="1"/>
    <col min="14852" max="14852" width="110.6640625" customWidth="1"/>
    <col min="15105" max="15105" width="5.6640625" customWidth="1"/>
    <col min="15106" max="15106" width="13.6640625" customWidth="1"/>
    <col min="15107" max="15107" width="11.6640625" customWidth="1"/>
    <col min="15108" max="15108" width="110.6640625" customWidth="1"/>
    <col min="15361" max="15361" width="5.6640625" customWidth="1"/>
    <col min="15362" max="15362" width="13.6640625" customWidth="1"/>
    <col min="15363" max="15363" width="11.6640625" customWidth="1"/>
    <col min="15364" max="15364" width="110.6640625" customWidth="1"/>
    <col min="15617" max="15617" width="5.6640625" customWidth="1"/>
    <col min="15618" max="15618" width="13.6640625" customWidth="1"/>
    <col min="15619" max="15619" width="11.6640625" customWidth="1"/>
    <col min="15620" max="15620" width="110.6640625" customWidth="1"/>
    <col min="15873" max="15873" width="5.6640625" customWidth="1"/>
    <col min="15874" max="15874" width="13.6640625" customWidth="1"/>
    <col min="15875" max="15875" width="11.6640625" customWidth="1"/>
    <col min="15876" max="15876" width="110.6640625" customWidth="1"/>
    <col min="16129" max="16129" width="5.6640625" customWidth="1"/>
    <col min="16130" max="16130" width="13.6640625" customWidth="1"/>
    <col min="16131" max="16131" width="11.6640625" customWidth="1"/>
    <col min="16132" max="16132" width="110.6640625" customWidth="1"/>
  </cols>
  <sheetData>
    <row r="1" spans="1:5" x14ac:dyDescent="0.2">
      <c r="A1" s="26" t="s">
        <v>25</v>
      </c>
      <c r="D1" s="7" t="s">
        <v>26</v>
      </c>
    </row>
    <row r="2" spans="1:5" s="2" customFormat="1" ht="14.4" x14ac:dyDescent="0.2">
      <c r="A2" s="8"/>
      <c r="B2" s="9" t="s">
        <v>20</v>
      </c>
      <c r="C2" s="10"/>
    </row>
    <row r="3" spans="1:5" s="4" customFormat="1" ht="10.8" x14ac:dyDescent="0.2">
      <c r="A3" s="3"/>
      <c r="B3" s="4" t="s">
        <v>21</v>
      </c>
      <c r="C3" s="7"/>
    </row>
    <row r="4" spans="1:5" s="4" customFormat="1" ht="11.25" customHeight="1" x14ac:dyDescent="0.2">
      <c r="A4" s="3"/>
      <c r="B4" s="3" t="s">
        <v>22</v>
      </c>
      <c r="C4" s="7"/>
    </row>
    <row r="5" spans="1:5" x14ac:dyDescent="0.2">
      <c r="D5" s="6"/>
    </row>
    <row r="6" spans="1:5" x14ac:dyDescent="0.2">
      <c r="B6" s="11" t="s">
        <v>2</v>
      </c>
      <c r="C6" s="12"/>
      <c r="D6" s="13"/>
    </row>
    <row r="7" spans="1:5" x14ac:dyDescent="0.2">
      <c r="B7" s="14" t="s">
        <v>3</v>
      </c>
      <c r="C7" s="66" t="s">
        <v>27</v>
      </c>
      <c r="D7" s="67"/>
    </row>
    <row r="8" spans="1:5" x14ac:dyDescent="0.2">
      <c r="B8" s="15" t="s">
        <v>4</v>
      </c>
      <c r="C8" s="66"/>
      <c r="D8" s="67"/>
      <c r="E8" s="4"/>
    </row>
    <row r="9" spans="1:5" x14ac:dyDescent="0.2">
      <c r="B9" s="15" t="s">
        <v>5</v>
      </c>
      <c r="C9" s="16" t="s">
        <v>28</v>
      </c>
      <c r="D9" s="17" t="s">
        <v>6</v>
      </c>
      <c r="E9" s="4"/>
    </row>
    <row r="10" spans="1:5" x14ac:dyDescent="0.2">
      <c r="B10" s="15" t="s">
        <v>7</v>
      </c>
      <c r="C10" s="16" t="s">
        <v>29</v>
      </c>
      <c r="D10" s="17" t="s">
        <v>8</v>
      </c>
      <c r="E10" s="4"/>
    </row>
    <row r="11" spans="1:5" x14ac:dyDescent="0.2">
      <c r="B11" s="15" t="s">
        <v>9</v>
      </c>
      <c r="C11" s="16" t="s">
        <v>30</v>
      </c>
      <c r="D11" s="17" t="s">
        <v>10</v>
      </c>
      <c r="E11" s="4"/>
    </row>
    <row r="12" spans="1:5" x14ac:dyDescent="0.2">
      <c r="B12" s="18" t="s">
        <v>11</v>
      </c>
      <c r="C12" s="27" t="s">
        <v>31</v>
      </c>
      <c r="D12" s="19" t="s">
        <v>12</v>
      </c>
      <c r="E12" s="4"/>
    </row>
    <row r="13" spans="1:5" x14ac:dyDescent="0.2">
      <c r="B13" s="28" t="s">
        <v>13</v>
      </c>
      <c r="C13" s="29" t="s">
        <v>32</v>
      </c>
      <c r="D13" s="30" t="s">
        <v>14</v>
      </c>
      <c r="E13" s="4"/>
    </row>
    <row r="15" spans="1:5" x14ac:dyDescent="0.2">
      <c r="B15" s="11" t="s">
        <v>15</v>
      </c>
      <c r="C15" s="12"/>
      <c r="D15" s="13"/>
    </row>
    <row r="16" spans="1:5" x14ac:dyDescent="0.2">
      <c r="B16" s="15" t="s">
        <v>16</v>
      </c>
      <c r="C16" s="21" t="s">
        <v>33</v>
      </c>
      <c r="D16" s="17" t="s">
        <v>17</v>
      </c>
    </row>
    <row r="17" spans="2:4" x14ac:dyDescent="0.2">
      <c r="B17" s="22" t="s">
        <v>18</v>
      </c>
      <c r="C17" s="23" t="s">
        <v>34</v>
      </c>
      <c r="D17" s="24"/>
    </row>
    <row r="18" spans="2:4" x14ac:dyDescent="0.2">
      <c r="B18" s="68" t="s">
        <v>19</v>
      </c>
      <c r="C18" s="69"/>
      <c r="D18" s="20"/>
    </row>
    <row r="19" spans="2:4" x14ac:dyDescent="0.2">
      <c r="C19" s="7"/>
      <c r="D19" s="4"/>
    </row>
  </sheetData>
  <mergeCells count="3">
    <mergeCell ref="C7:D7"/>
    <mergeCell ref="C8:D8"/>
    <mergeCell ref="B18:C18"/>
  </mergeCells>
  <phoneticPr fontId="2"/>
  <hyperlinks>
    <hyperlink ref="A1" location="Contents!A1" display="目次" xr:uid="{3F8E42EC-2D56-4F47-B0AF-1CD46AB10E53}"/>
  </hyperlinks>
  <pageMargins left="0.59055118110236227" right="0.39370078740157483" top="0.98425196850393704" bottom="0.98425196850393704" header="0.51181102362204722" footer="0.51181102362204722"/>
  <pageSetup paperSize="9" orientation="landscape" verticalDpi="0" r:id="rId1"/>
  <headerFooter alignWithMargins="0"/>
  <colBreaks count="1" manualBreakCount="1">
    <brk id="1" min="1" max="15" man="1"/>
  </col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D8676E5-1E54-46D9-BB22-D2869724B337}">
  <dimension ref="A1:AS3034"/>
  <sheetViews>
    <sheetView zoomScaleNormal="100" workbookViewId="0">
      <selection activeCell="A3016" sqref="A3016"/>
    </sheetView>
  </sheetViews>
  <sheetFormatPr defaultColWidth="6.6640625" defaultRowHeight="13.2" x14ac:dyDescent="0.2"/>
  <cols>
    <col min="1" max="1" width="6.88671875" style="4" customWidth="1"/>
    <col min="2" max="2" width="10.77734375" customWidth="1"/>
    <col min="3" max="3" width="19.77734375" customWidth="1"/>
    <col min="4" max="256" width="6.77734375" customWidth="1"/>
    <col min="257" max="257" width="6.88671875" customWidth="1"/>
    <col min="513" max="513" width="6.88671875" customWidth="1"/>
    <col min="769" max="769" width="6.88671875" customWidth="1"/>
    <col min="1025" max="1025" width="6.88671875" customWidth="1"/>
    <col min="1281" max="1281" width="6.88671875" customWidth="1"/>
    <col min="1537" max="1537" width="6.88671875" customWidth="1"/>
    <col min="1793" max="1793" width="6.88671875" customWidth="1"/>
    <col min="2049" max="2049" width="6.88671875" customWidth="1"/>
    <col min="2305" max="2305" width="6.88671875" customWidth="1"/>
    <col min="2561" max="2561" width="6.88671875" customWidth="1"/>
    <col min="2817" max="2817" width="6.88671875" customWidth="1"/>
    <col min="3073" max="3073" width="6.88671875" customWidth="1"/>
    <col min="3329" max="3329" width="6.88671875" customWidth="1"/>
    <col min="3585" max="3585" width="6.88671875" customWidth="1"/>
    <col min="3841" max="3841" width="6.88671875" customWidth="1"/>
    <col min="4097" max="4097" width="6.88671875" customWidth="1"/>
    <col min="4353" max="4353" width="6.88671875" customWidth="1"/>
    <col min="4609" max="4609" width="6.88671875" customWidth="1"/>
    <col min="4865" max="4865" width="6.88671875" customWidth="1"/>
    <col min="5121" max="5121" width="6.88671875" customWidth="1"/>
    <col min="5377" max="5377" width="6.88671875" customWidth="1"/>
    <col min="5633" max="5633" width="6.88671875" customWidth="1"/>
    <col min="5889" max="5889" width="6.88671875" customWidth="1"/>
    <col min="6145" max="6145" width="6.88671875" customWidth="1"/>
    <col min="6401" max="6401" width="6.88671875" customWidth="1"/>
    <col min="6657" max="6657" width="6.88671875" customWidth="1"/>
    <col min="6913" max="6913" width="6.88671875" customWidth="1"/>
    <col min="7169" max="7169" width="6.88671875" customWidth="1"/>
    <col min="7425" max="7425" width="6.88671875" customWidth="1"/>
    <col min="7681" max="7681" width="6.88671875" customWidth="1"/>
    <col min="7937" max="7937" width="6.88671875" customWidth="1"/>
    <col min="8193" max="8193" width="6.88671875" customWidth="1"/>
    <col min="8449" max="8449" width="6.88671875" customWidth="1"/>
    <col min="8705" max="8705" width="6.88671875" customWidth="1"/>
    <col min="8961" max="8961" width="6.88671875" customWidth="1"/>
    <col min="9217" max="9217" width="6.88671875" customWidth="1"/>
    <col min="9473" max="9473" width="6.88671875" customWidth="1"/>
    <col min="9729" max="9729" width="6.88671875" customWidth="1"/>
    <col min="9985" max="9985" width="6.88671875" customWidth="1"/>
    <col min="10241" max="10241" width="6.88671875" customWidth="1"/>
    <col min="10497" max="10497" width="6.88671875" customWidth="1"/>
    <col min="10753" max="10753" width="6.88671875" customWidth="1"/>
    <col min="11009" max="11009" width="6.88671875" customWidth="1"/>
    <col min="11265" max="11265" width="6.88671875" customWidth="1"/>
    <col min="11521" max="11521" width="6.88671875" customWidth="1"/>
    <col min="11777" max="11777" width="6.88671875" customWidth="1"/>
    <col min="12033" max="12033" width="6.88671875" customWidth="1"/>
    <col min="12289" max="12289" width="6.88671875" customWidth="1"/>
    <col min="12545" max="12545" width="6.88671875" customWidth="1"/>
    <col min="12801" max="12801" width="6.88671875" customWidth="1"/>
    <col min="13057" max="13057" width="6.88671875" customWidth="1"/>
    <col min="13313" max="13313" width="6.88671875" customWidth="1"/>
    <col min="13569" max="13569" width="6.88671875" customWidth="1"/>
    <col min="13825" max="13825" width="6.88671875" customWidth="1"/>
    <col min="14081" max="14081" width="6.88671875" customWidth="1"/>
    <col min="14337" max="14337" width="6.88671875" customWidth="1"/>
    <col min="14593" max="14593" width="6.88671875" customWidth="1"/>
    <col min="14849" max="14849" width="6.88671875" customWidth="1"/>
    <col min="15105" max="15105" width="6.88671875" customWidth="1"/>
    <col min="15361" max="15361" width="6.88671875" customWidth="1"/>
    <col min="15617" max="15617" width="6.88671875" customWidth="1"/>
    <col min="15873" max="15873" width="6.88671875" customWidth="1"/>
    <col min="16129" max="16129" width="6.88671875" customWidth="1"/>
  </cols>
  <sheetData>
    <row r="1" spans="1:25" x14ac:dyDescent="0.2">
      <c r="A1" s="26" t="s">
        <v>25</v>
      </c>
      <c r="B1" t="s">
        <v>35</v>
      </c>
      <c r="C1" t="s">
        <v>35</v>
      </c>
      <c r="M1" t="s">
        <v>35</v>
      </c>
    </row>
    <row r="2" spans="1:25" x14ac:dyDescent="0.2">
      <c r="B2" s="70" t="s">
        <v>36</v>
      </c>
      <c r="C2" s="71"/>
      <c r="D2" s="71"/>
      <c r="E2" s="71"/>
      <c r="F2" s="71"/>
      <c r="G2" s="71"/>
      <c r="H2" s="71"/>
      <c r="I2" s="71"/>
      <c r="J2" s="71"/>
      <c r="K2" s="71"/>
      <c r="L2" s="71"/>
      <c r="M2" s="71"/>
      <c r="N2" s="71"/>
      <c r="O2" s="71"/>
      <c r="P2" s="71"/>
      <c r="Q2" s="71"/>
      <c r="R2" s="71"/>
      <c r="S2" s="71"/>
      <c r="T2" s="71"/>
      <c r="U2" s="71"/>
      <c r="V2" s="71"/>
      <c r="W2" s="71"/>
      <c r="X2" s="71"/>
      <c r="Y2" s="71"/>
    </row>
    <row r="3" spans="1:25" s="32" customFormat="1" ht="25.65" customHeight="1" x14ac:dyDescent="0.15">
      <c r="A3" s="31"/>
      <c r="D3" s="33" t="s">
        <v>341</v>
      </c>
      <c r="E3" s="36" t="s">
        <v>342</v>
      </c>
      <c r="F3" s="37" t="s">
        <v>343</v>
      </c>
      <c r="G3" s="35" t="s">
        <v>344</v>
      </c>
    </row>
    <row r="4" spans="1:25" x14ac:dyDescent="0.2">
      <c r="B4" s="5"/>
      <c r="C4" s="40" t="s">
        <v>38</v>
      </c>
      <c r="D4" s="41">
        <v>4307</v>
      </c>
      <c r="E4" s="42">
        <v>53.7</v>
      </c>
      <c r="F4" s="43">
        <v>46.3</v>
      </c>
    </row>
    <row r="5" spans="1:25" x14ac:dyDescent="0.2">
      <c r="B5" s="72" t="s">
        <v>37</v>
      </c>
      <c r="C5" s="38" t="s">
        <v>39</v>
      </c>
      <c r="D5" s="44">
        <v>1325</v>
      </c>
      <c r="E5" s="45">
        <v>55.1</v>
      </c>
      <c r="F5" s="46">
        <v>44.9</v>
      </c>
    </row>
    <row r="6" spans="1:25" x14ac:dyDescent="0.2">
      <c r="B6" s="72"/>
      <c r="C6" s="38" t="s">
        <v>40</v>
      </c>
      <c r="D6" s="44">
        <v>675</v>
      </c>
      <c r="E6" s="45">
        <v>52.7</v>
      </c>
      <c r="F6" s="46">
        <v>47.3</v>
      </c>
    </row>
    <row r="7" spans="1:25" x14ac:dyDescent="0.2">
      <c r="B7" s="72"/>
      <c r="C7" s="38" t="s">
        <v>41</v>
      </c>
      <c r="D7" s="44">
        <v>168</v>
      </c>
      <c r="E7" s="45">
        <v>51.8</v>
      </c>
      <c r="F7" s="46">
        <v>48.2</v>
      </c>
    </row>
    <row r="8" spans="1:25" x14ac:dyDescent="0.2">
      <c r="B8" s="72"/>
      <c r="C8" s="38" t="s">
        <v>42</v>
      </c>
      <c r="D8" s="44">
        <v>290</v>
      </c>
      <c r="E8" s="45">
        <v>53.4</v>
      </c>
      <c r="F8" s="46">
        <v>46.6</v>
      </c>
    </row>
    <row r="9" spans="1:25" x14ac:dyDescent="0.2">
      <c r="B9" s="72"/>
      <c r="C9" s="38" t="s">
        <v>43</v>
      </c>
      <c r="D9" s="44">
        <v>231</v>
      </c>
      <c r="E9" s="45">
        <v>55</v>
      </c>
      <c r="F9" s="46">
        <v>45</v>
      </c>
    </row>
    <row r="10" spans="1:25" x14ac:dyDescent="0.2">
      <c r="B10" s="72"/>
      <c r="C10" s="38" t="s">
        <v>44</v>
      </c>
      <c r="D10" s="44">
        <v>800</v>
      </c>
      <c r="E10" s="45">
        <v>54.1</v>
      </c>
      <c r="F10" s="46">
        <v>45.9</v>
      </c>
    </row>
    <row r="11" spans="1:25" x14ac:dyDescent="0.2">
      <c r="B11" s="72"/>
      <c r="C11" s="38" t="s">
        <v>45</v>
      </c>
      <c r="D11" s="44">
        <v>240</v>
      </c>
      <c r="E11" s="45">
        <v>52.9</v>
      </c>
      <c r="F11" s="46">
        <v>47.1</v>
      </c>
    </row>
    <row r="12" spans="1:25" x14ac:dyDescent="0.2">
      <c r="B12" s="72"/>
      <c r="C12" s="38" t="s">
        <v>46</v>
      </c>
      <c r="D12" s="44">
        <v>117</v>
      </c>
      <c r="E12" s="45">
        <v>52.1</v>
      </c>
      <c r="F12" s="46">
        <v>47.9</v>
      </c>
    </row>
    <row r="13" spans="1:25" x14ac:dyDescent="0.2">
      <c r="B13" s="72"/>
      <c r="C13" s="38" t="s">
        <v>47</v>
      </c>
      <c r="D13" s="44">
        <v>461</v>
      </c>
      <c r="E13" s="45">
        <v>51</v>
      </c>
      <c r="F13" s="46">
        <v>49</v>
      </c>
    </row>
    <row r="14" spans="1:25" ht="21.6" x14ac:dyDescent="0.2">
      <c r="B14" s="72"/>
      <c r="C14" s="39" t="s">
        <v>48</v>
      </c>
      <c r="D14" s="47">
        <v>2307</v>
      </c>
      <c r="E14" s="48">
        <v>53.1</v>
      </c>
      <c r="F14" s="49">
        <v>46.9</v>
      </c>
    </row>
    <row r="15" spans="1:25" x14ac:dyDescent="0.2">
      <c r="B15" s="7" t="s">
        <v>49</v>
      </c>
      <c r="C15" s="4" t="s">
        <v>50</v>
      </c>
    </row>
    <row r="16" spans="1:25" x14ac:dyDescent="0.2">
      <c r="B16" s="4"/>
      <c r="C16" s="4" t="s">
        <v>51</v>
      </c>
    </row>
    <row r="18" spans="1:25" x14ac:dyDescent="0.2">
      <c r="A18" s="26" t="s">
        <v>25</v>
      </c>
      <c r="B18" t="s">
        <v>35</v>
      </c>
      <c r="C18" t="s">
        <v>35</v>
      </c>
    </row>
    <row r="19" spans="1:25" x14ac:dyDescent="0.2">
      <c r="B19" s="70" t="s">
        <v>52</v>
      </c>
      <c r="C19" s="71"/>
      <c r="D19" s="71"/>
      <c r="E19" s="71"/>
      <c r="F19" s="71"/>
      <c r="G19" s="71"/>
      <c r="H19" s="71"/>
      <c r="I19" s="71"/>
      <c r="J19" s="71"/>
      <c r="K19" s="71"/>
      <c r="L19" s="71"/>
      <c r="M19" s="71"/>
      <c r="N19" s="71"/>
      <c r="O19" s="71"/>
      <c r="P19" s="71"/>
      <c r="Q19" s="71"/>
      <c r="R19" s="71"/>
      <c r="S19" s="71"/>
      <c r="T19" s="71"/>
      <c r="U19" s="71"/>
      <c r="V19" s="71"/>
      <c r="W19" s="71"/>
      <c r="X19" s="71"/>
      <c r="Y19" s="71"/>
    </row>
    <row r="20" spans="1:25" s="32" customFormat="1" ht="36.450000000000003" customHeight="1" x14ac:dyDescent="0.15">
      <c r="A20" s="31"/>
      <c r="D20" s="33" t="s">
        <v>341</v>
      </c>
      <c r="E20" s="36" t="s">
        <v>345</v>
      </c>
      <c r="F20" s="51" t="s">
        <v>346</v>
      </c>
      <c r="G20" s="51" t="s">
        <v>347</v>
      </c>
      <c r="H20" s="51" t="s">
        <v>348</v>
      </c>
      <c r="I20" s="51" t="s">
        <v>349</v>
      </c>
      <c r="J20" s="52" t="s">
        <v>350</v>
      </c>
      <c r="K20" s="53" t="s">
        <v>351</v>
      </c>
      <c r="L20" s="50" t="s">
        <v>344</v>
      </c>
    </row>
    <row r="21" spans="1:25" x14ac:dyDescent="0.2">
      <c r="B21" s="5"/>
      <c r="C21" s="40" t="s">
        <v>38</v>
      </c>
      <c r="D21" s="41">
        <v>4307</v>
      </c>
      <c r="E21" s="42">
        <v>18.600000000000001</v>
      </c>
      <c r="F21" s="42">
        <v>23</v>
      </c>
      <c r="G21" s="42">
        <v>28.4</v>
      </c>
      <c r="H21" s="42">
        <v>22</v>
      </c>
      <c r="I21" s="42">
        <v>7.9</v>
      </c>
      <c r="J21" s="42">
        <v>42.5</v>
      </c>
      <c r="K21" s="54">
        <v>43</v>
      </c>
    </row>
    <row r="22" spans="1:25" x14ac:dyDescent="0.2">
      <c r="B22" s="72" t="s">
        <v>37</v>
      </c>
      <c r="C22" s="38" t="s">
        <v>39</v>
      </c>
      <c r="D22" s="44">
        <v>1325</v>
      </c>
      <c r="E22" s="45">
        <v>20.100000000000001</v>
      </c>
      <c r="F22" s="45">
        <v>23.8</v>
      </c>
      <c r="G22" s="45">
        <v>28.7</v>
      </c>
      <c r="H22" s="45">
        <v>20.8</v>
      </c>
      <c r="I22" s="45">
        <v>6.7</v>
      </c>
      <c r="J22" s="45">
        <v>41.8</v>
      </c>
      <c r="K22" s="55">
        <v>42</v>
      </c>
    </row>
    <row r="23" spans="1:25" x14ac:dyDescent="0.2">
      <c r="B23" s="72"/>
      <c r="C23" s="38" t="s">
        <v>40</v>
      </c>
      <c r="D23" s="44">
        <v>675</v>
      </c>
      <c r="E23" s="45">
        <v>19.3</v>
      </c>
      <c r="F23" s="45">
        <v>22.4</v>
      </c>
      <c r="G23" s="45">
        <v>28.9</v>
      </c>
      <c r="H23" s="45">
        <v>22.1</v>
      </c>
      <c r="I23" s="45">
        <v>7.4</v>
      </c>
      <c r="J23" s="45">
        <v>42.3</v>
      </c>
      <c r="K23" s="55">
        <v>43</v>
      </c>
    </row>
    <row r="24" spans="1:25" x14ac:dyDescent="0.2">
      <c r="B24" s="72"/>
      <c r="C24" s="38" t="s">
        <v>41</v>
      </c>
      <c r="D24" s="44">
        <v>168</v>
      </c>
      <c r="E24" s="45">
        <v>17.3</v>
      </c>
      <c r="F24" s="45">
        <v>21.4</v>
      </c>
      <c r="G24" s="45">
        <v>28.6</v>
      </c>
      <c r="H24" s="45">
        <v>23.2</v>
      </c>
      <c r="I24" s="45">
        <v>9.5</v>
      </c>
      <c r="J24" s="45">
        <v>43.6</v>
      </c>
      <c r="K24" s="55">
        <v>45</v>
      </c>
    </row>
    <row r="25" spans="1:25" x14ac:dyDescent="0.2">
      <c r="B25" s="72"/>
      <c r="C25" s="38" t="s">
        <v>42</v>
      </c>
      <c r="D25" s="44">
        <v>290</v>
      </c>
      <c r="E25" s="45">
        <v>16.600000000000001</v>
      </c>
      <c r="F25" s="45">
        <v>22.8</v>
      </c>
      <c r="G25" s="45">
        <v>27.2</v>
      </c>
      <c r="H25" s="45">
        <v>24.1</v>
      </c>
      <c r="I25" s="45">
        <v>9.3000000000000007</v>
      </c>
      <c r="J25" s="45">
        <v>43.3</v>
      </c>
      <c r="K25" s="55">
        <v>44.5</v>
      </c>
    </row>
    <row r="26" spans="1:25" x14ac:dyDescent="0.2">
      <c r="B26" s="72"/>
      <c r="C26" s="38" t="s">
        <v>43</v>
      </c>
      <c r="D26" s="44">
        <v>231</v>
      </c>
      <c r="E26" s="45">
        <v>17.3</v>
      </c>
      <c r="F26" s="45">
        <v>23.4</v>
      </c>
      <c r="G26" s="45">
        <v>28.1</v>
      </c>
      <c r="H26" s="45">
        <v>22.5</v>
      </c>
      <c r="I26" s="45">
        <v>8.6999999999999993</v>
      </c>
      <c r="J26" s="45">
        <v>42.5</v>
      </c>
      <c r="K26" s="55">
        <v>42</v>
      </c>
    </row>
    <row r="27" spans="1:25" x14ac:dyDescent="0.2">
      <c r="B27" s="72"/>
      <c r="C27" s="38" t="s">
        <v>44</v>
      </c>
      <c r="D27" s="44">
        <v>800</v>
      </c>
      <c r="E27" s="45">
        <v>18</v>
      </c>
      <c r="F27" s="45">
        <v>22.4</v>
      </c>
      <c r="G27" s="45">
        <v>29</v>
      </c>
      <c r="H27" s="45">
        <v>22.4</v>
      </c>
      <c r="I27" s="45">
        <v>8.3000000000000007</v>
      </c>
      <c r="J27" s="45">
        <v>43</v>
      </c>
      <c r="K27" s="55">
        <v>44</v>
      </c>
    </row>
    <row r="28" spans="1:25" x14ac:dyDescent="0.2">
      <c r="B28" s="72"/>
      <c r="C28" s="38" t="s">
        <v>45</v>
      </c>
      <c r="D28" s="44">
        <v>240</v>
      </c>
      <c r="E28" s="45">
        <v>18.3</v>
      </c>
      <c r="F28" s="45">
        <v>22.9</v>
      </c>
      <c r="G28" s="45">
        <v>28.3</v>
      </c>
      <c r="H28" s="45">
        <v>21.7</v>
      </c>
      <c r="I28" s="45">
        <v>8.8000000000000007</v>
      </c>
      <c r="J28" s="45">
        <v>42.7</v>
      </c>
      <c r="K28" s="55">
        <v>43</v>
      </c>
    </row>
    <row r="29" spans="1:25" x14ac:dyDescent="0.2">
      <c r="B29" s="72"/>
      <c r="C29" s="38" t="s">
        <v>46</v>
      </c>
      <c r="D29" s="44">
        <v>117</v>
      </c>
      <c r="E29" s="45">
        <v>16.2</v>
      </c>
      <c r="F29" s="45">
        <v>23.9</v>
      </c>
      <c r="G29" s="45">
        <v>28.2</v>
      </c>
      <c r="H29" s="45">
        <v>23.1</v>
      </c>
      <c r="I29" s="45">
        <v>8.5</v>
      </c>
      <c r="J29" s="45">
        <v>43.2</v>
      </c>
      <c r="K29" s="55">
        <v>44</v>
      </c>
    </row>
    <row r="30" spans="1:25" x14ac:dyDescent="0.2">
      <c r="B30" s="72"/>
      <c r="C30" s="38" t="s">
        <v>47</v>
      </c>
      <c r="D30" s="44">
        <v>461</v>
      </c>
      <c r="E30" s="45">
        <v>18</v>
      </c>
      <c r="F30" s="45">
        <v>23.2</v>
      </c>
      <c r="G30" s="45">
        <v>27.1</v>
      </c>
      <c r="H30" s="45">
        <v>22.6</v>
      </c>
      <c r="I30" s="45">
        <v>9.1</v>
      </c>
      <c r="J30" s="45">
        <v>42.9</v>
      </c>
      <c r="K30" s="55">
        <v>44</v>
      </c>
    </row>
    <row r="31" spans="1:25" ht="21.6" x14ac:dyDescent="0.2">
      <c r="B31" s="72"/>
      <c r="C31" s="39" t="s">
        <v>48</v>
      </c>
      <c r="D31" s="47">
        <v>2307</v>
      </c>
      <c r="E31" s="48">
        <v>17.600000000000001</v>
      </c>
      <c r="F31" s="48">
        <v>22.8</v>
      </c>
      <c r="G31" s="48">
        <v>28.2</v>
      </c>
      <c r="H31" s="48">
        <v>22.7</v>
      </c>
      <c r="I31" s="48">
        <v>8.8000000000000007</v>
      </c>
      <c r="J31" s="48">
        <v>43</v>
      </c>
      <c r="K31" s="56">
        <v>44</v>
      </c>
    </row>
    <row r="33" spans="1:25" x14ac:dyDescent="0.2">
      <c r="A33" s="26" t="s">
        <v>25</v>
      </c>
      <c r="B33" t="s">
        <v>35</v>
      </c>
      <c r="C33" t="s">
        <v>35</v>
      </c>
    </row>
    <row r="34" spans="1:25" x14ac:dyDescent="0.2">
      <c r="B34" s="70" t="s">
        <v>53</v>
      </c>
      <c r="C34" s="71"/>
      <c r="D34" s="71"/>
      <c r="E34" s="71"/>
      <c r="F34" s="71"/>
      <c r="G34" s="71"/>
      <c r="H34" s="71"/>
      <c r="I34" s="71"/>
      <c r="J34" s="71"/>
      <c r="K34" s="71"/>
      <c r="L34" s="71"/>
      <c r="M34" s="71"/>
      <c r="N34" s="71"/>
      <c r="O34" s="71"/>
      <c r="P34" s="71"/>
      <c r="Q34" s="71"/>
      <c r="R34" s="71"/>
      <c r="S34" s="71"/>
      <c r="T34" s="71"/>
      <c r="U34" s="71"/>
      <c r="V34" s="71"/>
      <c r="W34" s="71"/>
      <c r="X34" s="71"/>
      <c r="Y34" s="71"/>
    </row>
    <row r="35" spans="1:25" s="32" customFormat="1" ht="36.450000000000003" customHeight="1" x14ac:dyDescent="0.15">
      <c r="A35" s="31"/>
      <c r="D35" s="33" t="s">
        <v>341</v>
      </c>
      <c r="E35" s="36" t="s">
        <v>352</v>
      </c>
      <c r="F35" s="51" t="s">
        <v>353</v>
      </c>
      <c r="G35" s="51" t="s">
        <v>354</v>
      </c>
      <c r="H35" s="51" t="s">
        <v>355</v>
      </c>
      <c r="I35" s="51" t="s">
        <v>356</v>
      </c>
      <c r="J35" s="51" t="s">
        <v>357</v>
      </c>
      <c r="K35" s="51" t="s">
        <v>358</v>
      </c>
      <c r="L35" s="51" t="s">
        <v>359</v>
      </c>
      <c r="M35" s="51" t="s">
        <v>349</v>
      </c>
      <c r="N35" s="52" t="s">
        <v>350</v>
      </c>
      <c r="O35" s="53" t="s">
        <v>351</v>
      </c>
      <c r="P35" s="50" t="s">
        <v>344</v>
      </c>
    </row>
    <row r="36" spans="1:25" x14ac:dyDescent="0.2">
      <c r="B36" s="5"/>
      <c r="C36" s="40" t="s">
        <v>38</v>
      </c>
      <c r="D36" s="41">
        <v>4307</v>
      </c>
      <c r="E36" s="42">
        <v>5.8</v>
      </c>
      <c r="F36" s="42">
        <v>12.9</v>
      </c>
      <c r="G36" s="42">
        <v>9.9</v>
      </c>
      <c r="H36" s="42">
        <v>13.1</v>
      </c>
      <c r="I36" s="42">
        <v>11.4</v>
      </c>
      <c r="J36" s="42">
        <v>17</v>
      </c>
      <c r="K36" s="42">
        <v>11.8</v>
      </c>
      <c r="L36" s="42">
        <v>10.199999999999999</v>
      </c>
      <c r="M36" s="42">
        <v>7.9</v>
      </c>
      <c r="N36" s="42">
        <v>42.5</v>
      </c>
      <c r="O36" s="54">
        <v>43</v>
      </c>
    </row>
    <row r="37" spans="1:25" x14ac:dyDescent="0.2">
      <c r="B37" s="72" t="s">
        <v>37</v>
      </c>
      <c r="C37" s="38" t="s">
        <v>39</v>
      </c>
      <c r="D37" s="44">
        <v>1325</v>
      </c>
      <c r="E37" s="45">
        <v>7.5</v>
      </c>
      <c r="F37" s="45">
        <v>12.6</v>
      </c>
      <c r="G37" s="45">
        <v>10.3</v>
      </c>
      <c r="H37" s="45">
        <v>13.5</v>
      </c>
      <c r="I37" s="45">
        <v>11.7</v>
      </c>
      <c r="J37" s="45">
        <v>17</v>
      </c>
      <c r="K37" s="45">
        <v>10.1</v>
      </c>
      <c r="L37" s="45">
        <v>10.6</v>
      </c>
      <c r="M37" s="45">
        <v>6.7</v>
      </c>
      <c r="N37" s="45">
        <v>41.8</v>
      </c>
      <c r="O37" s="55">
        <v>42</v>
      </c>
    </row>
    <row r="38" spans="1:25" x14ac:dyDescent="0.2">
      <c r="B38" s="72"/>
      <c r="C38" s="38" t="s">
        <v>40</v>
      </c>
      <c r="D38" s="44">
        <v>675</v>
      </c>
      <c r="E38" s="45">
        <v>6.2</v>
      </c>
      <c r="F38" s="45">
        <v>13</v>
      </c>
      <c r="G38" s="45">
        <v>11.1</v>
      </c>
      <c r="H38" s="45">
        <v>11.3</v>
      </c>
      <c r="I38" s="45">
        <v>13</v>
      </c>
      <c r="J38" s="45">
        <v>15.9</v>
      </c>
      <c r="K38" s="45">
        <v>12</v>
      </c>
      <c r="L38" s="45">
        <v>10.1</v>
      </c>
      <c r="M38" s="45">
        <v>7.4</v>
      </c>
      <c r="N38" s="45">
        <v>42.3</v>
      </c>
      <c r="O38" s="55">
        <v>43</v>
      </c>
    </row>
    <row r="39" spans="1:25" x14ac:dyDescent="0.2">
      <c r="B39" s="72"/>
      <c r="C39" s="38" t="s">
        <v>41</v>
      </c>
      <c r="D39" s="44">
        <v>168</v>
      </c>
      <c r="E39" s="45">
        <v>3.6</v>
      </c>
      <c r="F39" s="45">
        <v>13.7</v>
      </c>
      <c r="G39" s="45">
        <v>6</v>
      </c>
      <c r="H39" s="45">
        <v>15.5</v>
      </c>
      <c r="I39" s="45">
        <v>10.1</v>
      </c>
      <c r="J39" s="45">
        <v>18.5</v>
      </c>
      <c r="K39" s="45">
        <v>13.1</v>
      </c>
      <c r="L39" s="45">
        <v>10.1</v>
      </c>
      <c r="M39" s="45">
        <v>9.5</v>
      </c>
      <c r="N39" s="45">
        <v>43.6</v>
      </c>
      <c r="O39" s="55">
        <v>45</v>
      </c>
    </row>
    <row r="40" spans="1:25" x14ac:dyDescent="0.2">
      <c r="B40" s="72"/>
      <c r="C40" s="38" t="s">
        <v>42</v>
      </c>
      <c r="D40" s="44">
        <v>290</v>
      </c>
      <c r="E40" s="45">
        <v>3.8</v>
      </c>
      <c r="F40" s="45">
        <v>12.8</v>
      </c>
      <c r="G40" s="45">
        <v>9.3000000000000007</v>
      </c>
      <c r="H40" s="45">
        <v>13.4</v>
      </c>
      <c r="I40" s="45">
        <v>10.7</v>
      </c>
      <c r="J40" s="45">
        <v>16.600000000000001</v>
      </c>
      <c r="K40" s="45">
        <v>13.8</v>
      </c>
      <c r="L40" s="45">
        <v>10.3</v>
      </c>
      <c r="M40" s="45">
        <v>9.3000000000000007</v>
      </c>
      <c r="N40" s="45">
        <v>43.3</v>
      </c>
      <c r="O40" s="55">
        <v>44.5</v>
      </c>
    </row>
    <row r="41" spans="1:25" x14ac:dyDescent="0.2">
      <c r="B41" s="72"/>
      <c r="C41" s="38" t="s">
        <v>43</v>
      </c>
      <c r="D41" s="44">
        <v>231</v>
      </c>
      <c r="E41" s="45">
        <v>5.6</v>
      </c>
      <c r="F41" s="45">
        <v>11.7</v>
      </c>
      <c r="G41" s="45">
        <v>12.6</v>
      </c>
      <c r="H41" s="45">
        <v>10.8</v>
      </c>
      <c r="I41" s="45">
        <v>13</v>
      </c>
      <c r="J41" s="45">
        <v>15.2</v>
      </c>
      <c r="K41" s="45">
        <v>13</v>
      </c>
      <c r="L41" s="45">
        <v>9.5</v>
      </c>
      <c r="M41" s="45">
        <v>8.6999999999999993</v>
      </c>
      <c r="N41" s="45">
        <v>42.5</v>
      </c>
      <c r="O41" s="55">
        <v>42</v>
      </c>
    </row>
    <row r="42" spans="1:25" x14ac:dyDescent="0.2">
      <c r="B42" s="72"/>
      <c r="C42" s="38" t="s">
        <v>44</v>
      </c>
      <c r="D42" s="44">
        <v>800</v>
      </c>
      <c r="E42" s="45">
        <v>4.9000000000000004</v>
      </c>
      <c r="F42" s="45">
        <v>13.1</v>
      </c>
      <c r="G42" s="45">
        <v>9</v>
      </c>
      <c r="H42" s="45">
        <v>13.4</v>
      </c>
      <c r="I42" s="45">
        <v>10.5</v>
      </c>
      <c r="J42" s="45">
        <v>18.5</v>
      </c>
      <c r="K42" s="45">
        <v>11.6</v>
      </c>
      <c r="L42" s="45">
        <v>10.8</v>
      </c>
      <c r="M42" s="45">
        <v>8.3000000000000007</v>
      </c>
      <c r="N42" s="45">
        <v>43</v>
      </c>
      <c r="O42" s="55">
        <v>44</v>
      </c>
    </row>
    <row r="43" spans="1:25" x14ac:dyDescent="0.2">
      <c r="B43" s="72"/>
      <c r="C43" s="38" t="s">
        <v>45</v>
      </c>
      <c r="D43" s="44">
        <v>240</v>
      </c>
      <c r="E43" s="45">
        <v>6.3</v>
      </c>
      <c r="F43" s="45">
        <v>12.1</v>
      </c>
      <c r="G43" s="45">
        <v>6.7</v>
      </c>
      <c r="H43" s="45">
        <v>16.3</v>
      </c>
      <c r="I43" s="45">
        <v>12.1</v>
      </c>
      <c r="J43" s="45">
        <v>16.3</v>
      </c>
      <c r="K43" s="45">
        <v>14.6</v>
      </c>
      <c r="L43" s="45">
        <v>7.1</v>
      </c>
      <c r="M43" s="45">
        <v>8.8000000000000007</v>
      </c>
      <c r="N43" s="45">
        <v>42.7</v>
      </c>
      <c r="O43" s="55">
        <v>43</v>
      </c>
    </row>
    <row r="44" spans="1:25" x14ac:dyDescent="0.2">
      <c r="B44" s="72"/>
      <c r="C44" s="38" t="s">
        <v>46</v>
      </c>
      <c r="D44" s="44">
        <v>117</v>
      </c>
      <c r="E44" s="45">
        <v>3.4</v>
      </c>
      <c r="F44" s="45">
        <v>12.8</v>
      </c>
      <c r="G44" s="45">
        <v>12</v>
      </c>
      <c r="H44" s="45">
        <v>12</v>
      </c>
      <c r="I44" s="45">
        <v>12</v>
      </c>
      <c r="J44" s="45">
        <v>16.2</v>
      </c>
      <c r="K44" s="45">
        <v>12</v>
      </c>
      <c r="L44" s="45">
        <v>11.1</v>
      </c>
      <c r="M44" s="45">
        <v>8.5</v>
      </c>
      <c r="N44" s="45">
        <v>43.2</v>
      </c>
      <c r="O44" s="55">
        <v>44</v>
      </c>
    </row>
    <row r="45" spans="1:25" x14ac:dyDescent="0.2">
      <c r="B45" s="72"/>
      <c r="C45" s="38" t="s">
        <v>47</v>
      </c>
      <c r="D45" s="44">
        <v>461</v>
      </c>
      <c r="E45" s="45">
        <v>4.3</v>
      </c>
      <c r="F45" s="45">
        <v>13.7</v>
      </c>
      <c r="G45" s="45">
        <v>10.4</v>
      </c>
      <c r="H45" s="45">
        <v>12.8</v>
      </c>
      <c r="I45" s="45">
        <v>9.8000000000000007</v>
      </c>
      <c r="J45" s="45">
        <v>17.399999999999999</v>
      </c>
      <c r="K45" s="45">
        <v>12.8</v>
      </c>
      <c r="L45" s="45">
        <v>9.8000000000000007</v>
      </c>
      <c r="M45" s="45">
        <v>9.1</v>
      </c>
      <c r="N45" s="45">
        <v>42.9</v>
      </c>
      <c r="O45" s="55">
        <v>44</v>
      </c>
    </row>
    <row r="46" spans="1:25" ht="21.6" x14ac:dyDescent="0.2">
      <c r="B46" s="72"/>
      <c r="C46" s="39" t="s">
        <v>48</v>
      </c>
      <c r="D46" s="47">
        <v>2307</v>
      </c>
      <c r="E46" s="48">
        <v>4.7</v>
      </c>
      <c r="F46" s="48">
        <v>13</v>
      </c>
      <c r="G46" s="48">
        <v>9.4</v>
      </c>
      <c r="H46" s="48">
        <v>13.4</v>
      </c>
      <c r="I46" s="48">
        <v>10.8</v>
      </c>
      <c r="J46" s="48">
        <v>17.3</v>
      </c>
      <c r="K46" s="48">
        <v>12.7</v>
      </c>
      <c r="L46" s="48">
        <v>10</v>
      </c>
      <c r="M46" s="48">
        <v>8.8000000000000007</v>
      </c>
      <c r="N46" s="48">
        <v>43</v>
      </c>
      <c r="O46" s="56">
        <v>44</v>
      </c>
    </row>
    <row r="48" spans="1:25" x14ac:dyDescent="0.2">
      <c r="A48" s="26" t="s">
        <v>25</v>
      </c>
      <c r="B48" t="s">
        <v>35</v>
      </c>
      <c r="C48" t="s">
        <v>35</v>
      </c>
    </row>
    <row r="49" spans="1:25" x14ac:dyDescent="0.2">
      <c r="B49" s="70" t="s">
        <v>54</v>
      </c>
      <c r="C49" s="71"/>
      <c r="D49" s="71"/>
      <c r="E49" s="71"/>
      <c r="F49" s="71"/>
      <c r="G49" s="71"/>
      <c r="H49" s="71"/>
      <c r="I49" s="71"/>
      <c r="J49" s="71"/>
      <c r="K49" s="71"/>
      <c r="L49" s="71"/>
      <c r="M49" s="71"/>
      <c r="N49" s="71"/>
      <c r="O49" s="71"/>
      <c r="P49" s="71"/>
      <c r="Q49" s="71"/>
      <c r="R49" s="71"/>
      <c r="S49" s="71"/>
      <c r="T49" s="71"/>
      <c r="U49" s="71"/>
      <c r="V49" s="71"/>
      <c r="W49" s="71"/>
      <c r="X49" s="71"/>
      <c r="Y49" s="71"/>
    </row>
    <row r="50" spans="1:25" s="32" customFormat="1" ht="36.450000000000003" customHeight="1" x14ac:dyDescent="0.15">
      <c r="A50" s="31"/>
      <c r="D50" s="33" t="s">
        <v>341</v>
      </c>
      <c r="E50" s="36" t="s">
        <v>360</v>
      </c>
      <c r="F50" s="51" t="s">
        <v>361</v>
      </c>
      <c r="G50" s="52" t="s">
        <v>350</v>
      </c>
      <c r="H50" s="53" t="s">
        <v>351</v>
      </c>
      <c r="I50" s="50" t="s">
        <v>344</v>
      </c>
    </row>
    <row r="51" spans="1:25" x14ac:dyDescent="0.2">
      <c r="B51" s="5"/>
      <c r="C51" s="40" t="s">
        <v>38</v>
      </c>
      <c r="D51" s="41">
        <v>4307</v>
      </c>
      <c r="E51" s="42">
        <v>92.1</v>
      </c>
      <c r="F51" s="42">
        <v>7.9</v>
      </c>
      <c r="G51" s="42">
        <v>42.5</v>
      </c>
      <c r="H51" s="54">
        <v>43</v>
      </c>
    </row>
    <row r="52" spans="1:25" x14ac:dyDescent="0.2">
      <c r="B52" s="72" t="s">
        <v>37</v>
      </c>
      <c r="C52" s="38" t="s">
        <v>39</v>
      </c>
      <c r="D52" s="44">
        <v>1325</v>
      </c>
      <c r="E52" s="45">
        <v>93.3</v>
      </c>
      <c r="F52" s="45">
        <v>6.7</v>
      </c>
      <c r="G52" s="45">
        <v>41.8</v>
      </c>
      <c r="H52" s="55">
        <v>42</v>
      </c>
    </row>
    <row r="53" spans="1:25" x14ac:dyDescent="0.2">
      <c r="B53" s="72"/>
      <c r="C53" s="38" t="s">
        <v>40</v>
      </c>
      <c r="D53" s="44">
        <v>675</v>
      </c>
      <c r="E53" s="45">
        <v>92.6</v>
      </c>
      <c r="F53" s="45">
        <v>7.4</v>
      </c>
      <c r="G53" s="45">
        <v>42.3</v>
      </c>
      <c r="H53" s="55">
        <v>43</v>
      </c>
    </row>
    <row r="54" spans="1:25" x14ac:dyDescent="0.2">
      <c r="B54" s="72"/>
      <c r="C54" s="38" t="s">
        <v>41</v>
      </c>
      <c r="D54" s="44">
        <v>168</v>
      </c>
      <c r="E54" s="45">
        <v>90.5</v>
      </c>
      <c r="F54" s="45">
        <v>9.5</v>
      </c>
      <c r="G54" s="45">
        <v>43.6</v>
      </c>
      <c r="H54" s="55">
        <v>45</v>
      </c>
    </row>
    <row r="55" spans="1:25" x14ac:dyDescent="0.2">
      <c r="B55" s="72"/>
      <c r="C55" s="38" t="s">
        <v>42</v>
      </c>
      <c r="D55" s="44">
        <v>290</v>
      </c>
      <c r="E55" s="45">
        <v>90.7</v>
      </c>
      <c r="F55" s="45">
        <v>9.3000000000000007</v>
      </c>
      <c r="G55" s="45">
        <v>43.3</v>
      </c>
      <c r="H55" s="55">
        <v>44.5</v>
      </c>
    </row>
    <row r="56" spans="1:25" x14ac:dyDescent="0.2">
      <c r="B56" s="72"/>
      <c r="C56" s="38" t="s">
        <v>43</v>
      </c>
      <c r="D56" s="44">
        <v>231</v>
      </c>
      <c r="E56" s="45">
        <v>91.3</v>
      </c>
      <c r="F56" s="45">
        <v>8.6999999999999993</v>
      </c>
      <c r="G56" s="45">
        <v>42.5</v>
      </c>
      <c r="H56" s="55">
        <v>42</v>
      </c>
    </row>
    <row r="57" spans="1:25" x14ac:dyDescent="0.2">
      <c r="B57" s="72"/>
      <c r="C57" s="38" t="s">
        <v>44</v>
      </c>
      <c r="D57" s="44">
        <v>800</v>
      </c>
      <c r="E57" s="45">
        <v>91.8</v>
      </c>
      <c r="F57" s="45">
        <v>8.3000000000000007</v>
      </c>
      <c r="G57" s="45">
        <v>43</v>
      </c>
      <c r="H57" s="55">
        <v>44</v>
      </c>
    </row>
    <row r="58" spans="1:25" x14ac:dyDescent="0.2">
      <c r="B58" s="72"/>
      <c r="C58" s="38" t="s">
        <v>45</v>
      </c>
      <c r="D58" s="44">
        <v>240</v>
      </c>
      <c r="E58" s="45">
        <v>91.3</v>
      </c>
      <c r="F58" s="45">
        <v>8.8000000000000007</v>
      </c>
      <c r="G58" s="45">
        <v>42.7</v>
      </c>
      <c r="H58" s="55">
        <v>43</v>
      </c>
    </row>
    <row r="59" spans="1:25" x14ac:dyDescent="0.2">
      <c r="B59" s="72"/>
      <c r="C59" s="38" t="s">
        <v>46</v>
      </c>
      <c r="D59" s="44">
        <v>117</v>
      </c>
      <c r="E59" s="45">
        <v>91.5</v>
      </c>
      <c r="F59" s="45">
        <v>8.5</v>
      </c>
      <c r="G59" s="45">
        <v>43.2</v>
      </c>
      <c r="H59" s="55">
        <v>44</v>
      </c>
    </row>
    <row r="60" spans="1:25" x14ac:dyDescent="0.2">
      <c r="B60" s="72"/>
      <c r="C60" s="38" t="s">
        <v>47</v>
      </c>
      <c r="D60" s="44">
        <v>461</v>
      </c>
      <c r="E60" s="45">
        <v>90.9</v>
      </c>
      <c r="F60" s="45">
        <v>9.1</v>
      </c>
      <c r="G60" s="45">
        <v>42.9</v>
      </c>
      <c r="H60" s="55">
        <v>44</v>
      </c>
    </row>
    <row r="61" spans="1:25" ht="21.6" x14ac:dyDescent="0.2">
      <c r="B61" s="72"/>
      <c r="C61" s="39" t="s">
        <v>48</v>
      </c>
      <c r="D61" s="47">
        <v>2307</v>
      </c>
      <c r="E61" s="48">
        <v>91.2</v>
      </c>
      <c r="F61" s="48">
        <v>8.8000000000000007</v>
      </c>
      <c r="G61" s="48">
        <v>43</v>
      </c>
      <c r="H61" s="56">
        <v>44</v>
      </c>
    </row>
    <row r="63" spans="1:25" x14ac:dyDescent="0.2">
      <c r="A63" s="26" t="s">
        <v>25</v>
      </c>
      <c r="B63" t="s">
        <v>35</v>
      </c>
      <c r="C63" t="s">
        <v>35</v>
      </c>
    </row>
    <row r="64" spans="1:25" x14ac:dyDescent="0.2">
      <c r="B64" s="70" t="s">
        <v>54</v>
      </c>
      <c r="C64" s="71"/>
      <c r="D64" s="71"/>
      <c r="E64" s="71"/>
      <c r="F64" s="71"/>
      <c r="G64" s="71"/>
      <c r="H64" s="71"/>
      <c r="I64" s="71"/>
      <c r="J64" s="71"/>
      <c r="K64" s="71"/>
      <c r="L64" s="71"/>
      <c r="M64" s="71"/>
      <c r="N64" s="71"/>
      <c r="O64" s="71"/>
      <c r="P64" s="71"/>
      <c r="Q64" s="71"/>
      <c r="R64" s="71"/>
      <c r="S64" s="71"/>
      <c r="T64" s="71"/>
      <c r="U64" s="71"/>
      <c r="V64" s="71"/>
      <c r="W64" s="71"/>
      <c r="X64" s="71"/>
      <c r="Y64" s="71"/>
    </row>
    <row r="65" spans="1:25" s="32" customFormat="1" ht="36.450000000000003" customHeight="1" x14ac:dyDescent="0.15">
      <c r="A65" s="31"/>
      <c r="D65" s="33" t="s">
        <v>341</v>
      </c>
      <c r="E65" s="36" t="s">
        <v>362</v>
      </c>
      <c r="F65" s="51" t="s">
        <v>363</v>
      </c>
      <c r="G65" s="52" t="s">
        <v>350</v>
      </c>
      <c r="H65" s="53" t="s">
        <v>351</v>
      </c>
      <c r="I65" s="50" t="s">
        <v>344</v>
      </c>
    </row>
    <row r="66" spans="1:25" x14ac:dyDescent="0.2">
      <c r="B66" s="5"/>
      <c r="C66" s="40" t="s">
        <v>38</v>
      </c>
      <c r="D66" s="41">
        <v>4307</v>
      </c>
      <c r="E66" s="42">
        <v>81.900000000000006</v>
      </c>
      <c r="F66" s="42">
        <v>18.100000000000001</v>
      </c>
      <c r="G66" s="42">
        <v>42.5</v>
      </c>
      <c r="H66" s="54">
        <v>43</v>
      </c>
    </row>
    <row r="67" spans="1:25" x14ac:dyDescent="0.2">
      <c r="B67" s="72" t="s">
        <v>37</v>
      </c>
      <c r="C67" s="38" t="s">
        <v>39</v>
      </c>
      <c r="D67" s="44">
        <v>1325</v>
      </c>
      <c r="E67" s="45">
        <v>82.6</v>
      </c>
      <c r="F67" s="45">
        <v>17.399999999999999</v>
      </c>
      <c r="G67" s="45">
        <v>41.8</v>
      </c>
      <c r="H67" s="55">
        <v>42</v>
      </c>
    </row>
    <row r="68" spans="1:25" x14ac:dyDescent="0.2">
      <c r="B68" s="72"/>
      <c r="C68" s="38" t="s">
        <v>40</v>
      </c>
      <c r="D68" s="44">
        <v>675</v>
      </c>
      <c r="E68" s="45">
        <v>82.5</v>
      </c>
      <c r="F68" s="45">
        <v>17.5</v>
      </c>
      <c r="G68" s="45">
        <v>42.3</v>
      </c>
      <c r="H68" s="55">
        <v>43</v>
      </c>
    </row>
    <row r="69" spans="1:25" x14ac:dyDescent="0.2">
      <c r="B69" s="72"/>
      <c r="C69" s="38" t="s">
        <v>41</v>
      </c>
      <c r="D69" s="44">
        <v>168</v>
      </c>
      <c r="E69" s="45">
        <v>80.400000000000006</v>
      </c>
      <c r="F69" s="45">
        <v>19.600000000000001</v>
      </c>
      <c r="G69" s="45">
        <v>43.6</v>
      </c>
      <c r="H69" s="55">
        <v>45</v>
      </c>
    </row>
    <row r="70" spans="1:25" x14ac:dyDescent="0.2">
      <c r="B70" s="72"/>
      <c r="C70" s="38" t="s">
        <v>42</v>
      </c>
      <c r="D70" s="44">
        <v>290</v>
      </c>
      <c r="E70" s="45">
        <v>80.3</v>
      </c>
      <c r="F70" s="45">
        <v>19.7</v>
      </c>
      <c r="G70" s="45">
        <v>43.3</v>
      </c>
      <c r="H70" s="55">
        <v>44.5</v>
      </c>
    </row>
    <row r="71" spans="1:25" x14ac:dyDescent="0.2">
      <c r="B71" s="72"/>
      <c r="C71" s="38" t="s">
        <v>43</v>
      </c>
      <c r="D71" s="44">
        <v>231</v>
      </c>
      <c r="E71" s="45">
        <v>81.8</v>
      </c>
      <c r="F71" s="45">
        <v>18.2</v>
      </c>
      <c r="G71" s="45">
        <v>42.5</v>
      </c>
      <c r="H71" s="55">
        <v>42</v>
      </c>
    </row>
    <row r="72" spans="1:25" x14ac:dyDescent="0.2">
      <c r="B72" s="72"/>
      <c r="C72" s="38" t="s">
        <v>44</v>
      </c>
      <c r="D72" s="44">
        <v>800</v>
      </c>
      <c r="E72" s="45">
        <v>81</v>
      </c>
      <c r="F72" s="45">
        <v>19</v>
      </c>
      <c r="G72" s="45">
        <v>43</v>
      </c>
      <c r="H72" s="55">
        <v>44</v>
      </c>
    </row>
    <row r="73" spans="1:25" x14ac:dyDescent="0.2">
      <c r="B73" s="72"/>
      <c r="C73" s="38" t="s">
        <v>45</v>
      </c>
      <c r="D73" s="44">
        <v>240</v>
      </c>
      <c r="E73" s="45">
        <v>84.2</v>
      </c>
      <c r="F73" s="45">
        <v>15.8</v>
      </c>
      <c r="G73" s="45">
        <v>42.7</v>
      </c>
      <c r="H73" s="55">
        <v>43</v>
      </c>
    </row>
    <row r="74" spans="1:25" x14ac:dyDescent="0.2">
      <c r="B74" s="72"/>
      <c r="C74" s="38" t="s">
        <v>46</v>
      </c>
      <c r="D74" s="44">
        <v>117</v>
      </c>
      <c r="E74" s="45">
        <v>80.3</v>
      </c>
      <c r="F74" s="45">
        <v>19.7</v>
      </c>
      <c r="G74" s="45">
        <v>43.2</v>
      </c>
      <c r="H74" s="55">
        <v>44</v>
      </c>
    </row>
    <row r="75" spans="1:25" x14ac:dyDescent="0.2">
      <c r="B75" s="72"/>
      <c r="C75" s="38" t="s">
        <v>47</v>
      </c>
      <c r="D75" s="44">
        <v>461</v>
      </c>
      <c r="E75" s="45">
        <v>81.099999999999994</v>
      </c>
      <c r="F75" s="45">
        <v>18.899999999999999</v>
      </c>
      <c r="G75" s="45">
        <v>42.9</v>
      </c>
      <c r="H75" s="55">
        <v>44</v>
      </c>
    </row>
    <row r="76" spans="1:25" ht="21.6" x14ac:dyDescent="0.2">
      <c r="B76" s="72"/>
      <c r="C76" s="39" t="s">
        <v>48</v>
      </c>
      <c r="D76" s="47">
        <v>2307</v>
      </c>
      <c r="E76" s="48">
        <v>81.3</v>
      </c>
      <c r="F76" s="48">
        <v>18.7</v>
      </c>
      <c r="G76" s="48">
        <v>43</v>
      </c>
      <c r="H76" s="56">
        <v>44</v>
      </c>
    </row>
    <row r="78" spans="1:25" x14ac:dyDescent="0.2">
      <c r="A78" s="26" t="s">
        <v>25</v>
      </c>
      <c r="B78" t="s">
        <v>35</v>
      </c>
      <c r="C78" t="s">
        <v>35</v>
      </c>
    </row>
    <row r="79" spans="1:25" x14ac:dyDescent="0.2">
      <c r="B79" s="70" t="s">
        <v>55</v>
      </c>
      <c r="C79" s="71"/>
      <c r="D79" s="71"/>
      <c r="E79" s="71"/>
      <c r="F79" s="71"/>
      <c r="G79" s="71"/>
      <c r="H79" s="71"/>
      <c r="I79" s="71"/>
      <c r="J79" s="71"/>
      <c r="K79" s="71"/>
      <c r="L79" s="71"/>
      <c r="M79" s="71"/>
      <c r="N79" s="71"/>
      <c r="O79" s="71"/>
      <c r="P79" s="71"/>
      <c r="Q79" s="71"/>
      <c r="R79" s="71"/>
      <c r="S79" s="71"/>
      <c r="T79" s="71"/>
      <c r="U79" s="71"/>
      <c r="V79" s="71"/>
      <c r="W79" s="71"/>
      <c r="X79" s="71"/>
      <c r="Y79" s="71"/>
    </row>
    <row r="80" spans="1:25" s="32" customFormat="1" ht="36.450000000000003" customHeight="1" x14ac:dyDescent="0.15">
      <c r="A80" s="31"/>
      <c r="D80" s="33" t="s">
        <v>341</v>
      </c>
      <c r="E80" s="36" t="s">
        <v>364</v>
      </c>
      <c r="F80" s="51" t="s">
        <v>365</v>
      </c>
      <c r="G80" s="51" t="s">
        <v>366</v>
      </c>
      <c r="H80" s="51" t="s">
        <v>367</v>
      </c>
      <c r="I80" s="51" t="s">
        <v>368</v>
      </c>
      <c r="J80" s="51" t="s">
        <v>369</v>
      </c>
      <c r="K80" s="51" t="s">
        <v>370</v>
      </c>
      <c r="L80" s="51" t="s">
        <v>371</v>
      </c>
      <c r="M80" s="51" t="s">
        <v>372</v>
      </c>
      <c r="N80" s="51" t="s">
        <v>373</v>
      </c>
      <c r="O80" s="51" t="s">
        <v>374</v>
      </c>
      <c r="P80" s="51" t="s">
        <v>375</v>
      </c>
      <c r="Q80" s="51" t="s">
        <v>376</v>
      </c>
      <c r="R80" s="51" t="s">
        <v>377</v>
      </c>
      <c r="S80" s="51" t="s">
        <v>378</v>
      </c>
      <c r="T80" s="51" t="s">
        <v>379</v>
      </c>
      <c r="U80" s="51" t="s">
        <v>380</v>
      </c>
      <c r="V80" s="51" t="s">
        <v>381</v>
      </c>
      <c r="W80" s="51" t="s">
        <v>382</v>
      </c>
      <c r="X80" s="37" t="s">
        <v>383</v>
      </c>
      <c r="Y80" s="35" t="s">
        <v>344</v>
      </c>
    </row>
    <row r="81" spans="2:25" x14ac:dyDescent="0.2">
      <c r="B81" s="5"/>
      <c r="C81" s="40" t="s">
        <v>38</v>
      </c>
      <c r="D81" s="41">
        <v>4307</v>
      </c>
      <c r="E81" s="42">
        <v>3.9</v>
      </c>
      <c r="F81" s="42">
        <v>0.9</v>
      </c>
      <c r="G81" s="42">
        <v>0.8</v>
      </c>
      <c r="H81" s="42">
        <v>2.1</v>
      </c>
      <c r="I81" s="42">
        <v>0.8</v>
      </c>
      <c r="J81" s="42">
        <v>1</v>
      </c>
      <c r="K81" s="42">
        <v>1.2</v>
      </c>
      <c r="L81" s="42">
        <v>2.4</v>
      </c>
      <c r="M81" s="42">
        <v>1.6</v>
      </c>
      <c r="N81" s="42">
        <v>1.4</v>
      </c>
      <c r="O81" s="42">
        <v>5.8</v>
      </c>
      <c r="P81" s="42">
        <v>4.9000000000000004</v>
      </c>
      <c r="Q81" s="42">
        <v>12.7</v>
      </c>
      <c r="R81" s="42">
        <v>7.3</v>
      </c>
      <c r="S81" s="42">
        <v>1.8</v>
      </c>
      <c r="T81" s="42">
        <v>0.9</v>
      </c>
      <c r="U81" s="42">
        <v>0.8</v>
      </c>
      <c r="V81" s="42">
        <v>0.3</v>
      </c>
      <c r="W81" s="42">
        <v>0.5</v>
      </c>
      <c r="X81" s="43">
        <v>1.6</v>
      </c>
    </row>
    <row r="82" spans="2:25" x14ac:dyDescent="0.2">
      <c r="B82" s="72" t="s">
        <v>37</v>
      </c>
      <c r="C82" s="38" t="s">
        <v>39</v>
      </c>
      <c r="D82" s="44">
        <v>1325</v>
      </c>
      <c r="E82" s="45">
        <v>0</v>
      </c>
      <c r="F82" s="45">
        <v>0</v>
      </c>
      <c r="G82" s="45">
        <v>0</v>
      </c>
      <c r="H82" s="45">
        <v>0</v>
      </c>
      <c r="I82" s="45">
        <v>0</v>
      </c>
      <c r="J82" s="45">
        <v>0</v>
      </c>
      <c r="K82" s="45">
        <v>0</v>
      </c>
      <c r="L82" s="45">
        <v>0</v>
      </c>
      <c r="M82" s="45">
        <v>0</v>
      </c>
      <c r="N82" s="45">
        <v>0</v>
      </c>
      <c r="O82" s="45">
        <v>18.7</v>
      </c>
      <c r="P82" s="45">
        <v>16</v>
      </c>
      <c r="Q82" s="45">
        <v>41.4</v>
      </c>
      <c r="R82" s="45">
        <v>23.8</v>
      </c>
      <c r="S82" s="45">
        <v>0</v>
      </c>
      <c r="T82" s="45">
        <v>0</v>
      </c>
      <c r="U82" s="45">
        <v>0</v>
      </c>
      <c r="V82" s="45">
        <v>0</v>
      </c>
      <c r="W82" s="45">
        <v>0</v>
      </c>
      <c r="X82" s="46">
        <v>0</v>
      </c>
    </row>
    <row r="83" spans="2:25" x14ac:dyDescent="0.2">
      <c r="B83" s="72"/>
      <c r="C83" s="38" t="s">
        <v>40</v>
      </c>
      <c r="D83" s="44">
        <v>675</v>
      </c>
      <c r="E83" s="45">
        <v>0</v>
      </c>
      <c r="F83" s="45">
        <v>0</v>
      </c>
      <c r="G83" s="45">
        <v>0</v>
      </c>
      <c r="H83" s="45">
        <v>0</v>
      </c>
      <c r="I83" s="45">
        <v>0</v>
      </c>
      <c r="J83" s="45">
        <v>0</v>
      </c>
      <c r="K83" s="45">
        <v>0</v>
      </c>
      <c r="L83" s="45">
        <v>0</v>
      </c>
      <c r="M83" s="45">
        <v>0</v>
      </c>
      <c r="N83" s="45">
        <v>0</v>
      </c>
      <c r="O83" s="45">
        <v>0</v>
      </c>
      <c r="P83" s="45">
        <v>0</v>
      </c>
      <c r="Q83" s="45">
        <v>0</v>
      </c>
      <c r="R83" s="45">
        <v>0</v>
      </c>
      <c r="S83" s="45">
        <v>0</v>
      </c>
      <c r="T83" s="45">
        <v>0</v>
      </c>
      <c r="U83" s="45">
        <v>0</v>
      </c>
      <c r="V83" s="45">
        <v>0</v>
      </c>
      <c r="W83" s="45">
        <v>0</v>
      </c>
      <c r="X83" s="46">
        <v>0</v>
      </c>
    </row>
    <row r="84" spans="2:25" x14ac:dyDescent="0.2">
      <c r="B84" s="72"/>
      <c r="C84" s="38" t="s">
        <v>41</v>
      </c>
      <c r="D84" s="44">
        <v>168</v>
      </c>
      <c r="E84" s="45">
        <v>100</v>
      </c>
      <c r="F84" s="45">
        <v>0</v>
      </c>
      <c r="G84" s="45">
        <v>0</v>
      </c>
      <c r="H84" s="45">
        <v>0</v>
      </c>
      <c r="I84" s="45">
        <v>0</v>
      </c>
      <c r="J84" s="45">
        <v>0</v>
      </c>
      <c r="K84" s="45">
        <v>0</v>
      </c>
      <c r="L84" s="45">
        <v>0</v>
      </c>
      <c r="M84" s="45">
        <v>0</v>
      </c>
      <c r="N84" s="45">
        <v>0</v>
      </c>
      <c r="O84" s="45">
        <v>0</v>
      </c>
      <c r="P84" s="45">
        <v>0</v>
      </c>
      <c r="Q84" s="45">
        <v>0</v>
      </c>
      <c r="R84" s="45">
        <v>0</v>
      </c>
      <c r="S84" s="45">
        <v>0</v>
      </c>
      <c r="T84" s="45">
        <v>0</v>
      </c>
      <c r="U84" s="45">
        <v>0</v>
      </c>
      <c r="V84" s="45">
        <v>0</v>
      </c>
      <c r="W84" s="45">
        <v>0</v>
      </c>
      <c r="X84" s="46">
        <v>0</v>
      </c>
    </row>
    <row r="85" spans="2:25" x14ac:dyDescent="0.2">
      <c r="B85" s="72"/>
      <c r="C85" s="38" t="s">
        <v>42</v>
      </c>
      <c r="D85" s="44">
        <v>290</v>
      </c>
      <c r="E85" s="45">
        <v>0</v>
      </c>
      <c r="F85" s="45">
        <v>13.4</v>
      </c>
      <c r="G85" s="45">
        <v>11.4</v>
      </c>
      <c r="H85" s="45">
        <v>30.7</v>
      </c>
      <c r="I85" s="45">
        <v>11.4</v>
      </c>
      <c r="J85" s="45">
        <v>14.8</v>
      </c>
      <c r="K85" s="45">
        <v>18.3</v>
      </c>
      <c r="L85" s="45">
        <v>0</v>
      </c>
      <c r="M85" s="45">
        <v>0</v>
      </c>
      <c r="N85" s="45">
        <v>0</v>
      </c>
      <c r="O85" s="45">
        <v>0</v>
      </c>
      <c r="P85" s="45">
        <v>0</v>
      </c>
      <c r="Q85" s="45">
        <v>0</v>
      </c>
      <c r="R85" s="45">
        <v>0</v>
      </c>
      <c r="S85" s="45">
        <v>0</v>
      </c>
      <c r="T85" s="45">
        <v>0</v>
      </c>
      <c r="U85" s="45">
        <v>0</v>
      </c>
      <c r="V85" s="45">
        <v>0</v>
      </c>
      <c r="W85" s="45">
        <v>0</v>
      </c>
      <c r="X85" s="46">
        <v>0</v>
      </c>
    </row>
    <row r="86" spans="2:25" x14ac:dyDescent="0.2">
      <c r="B86" s="72"/>
      <c r="C86" s="38" t="s">
        <v>43</v>
      </c>
      <c r="D86" s="44">
        <v>231</v>
      </c>
      <c r="E86" s="45">
        <v>0</v>
      </c>
      <c r="F86" s="45">
        <v>0</v>
      </c>
      <c r="G86" s="45">
        <v>0</v>
      </c>
      <c r="H86" s="45">
        <v>0</v>
      </c>
      <c r="I86" s="45">
        <v>0</v>
      </c>
      <c r="J86" s="45">
        <v>0</v>
      </c>
      <c r="K86" s="45">
        <v>0</v>
      </c>
      <c r="L86" s="45">
        <v>45.5</v>
      </c>
      <c r="M86" s="45">
        <v>29</v>
      </c>
      <c r="N86" s="45">
        <v>25.5</v>
      </c>
      <c r="O86" s="45">
        <v>0</v>
      </c>
      <c r="P86" s="45">
        <v>0</v>
      </c>
      <c r="Q86" s="45">
        <v>0</v>
      </c>
      <c r="R86" s="45">
        <v>0</v>
      </c>
      <c r="S86" s="45">
        <v>0</v>
      </c>
      <c r="T86" s="45">
        <v>0</v>
      </c>
      <c r="U86" s="45">
        <v>0</v>
      </c>
      <c r="V86" s="45">
        <v>0</v>
      </c>
      <c r="W86" s="45">
        <v>0</v>
      </c>
      <c r="X86" s="46">
        <v>0</v>
      </c>
    </row>
    <row r="87" spans="2:25" x14ac:dyDescent="0.2">
      <c r="B87" s="72"/>
      <c r="C87" s="38" t="s">
        <v>44</v>
      </c>
      <c r="D87" s="44">
        <v>800</v>
      </c>
      <c r="E87" s="45">
        <v>0</v>
      </c>
      <c r="F87" s="45">
        <v>0</v>
      </c>
      <c r="G87" s="45">
        <v>0</v>
      </c>
      <c r="H87" s="45">
        <v>0</v>
      </c>
      <c r="I87" s="45">
        <v>0</v>
      </c>
      <c r="J87" s="45">
        <v>0</v>
      </c>
      <c r="K87" s="45">
        <v>0</v>
      </c>
      <c r="L87" s="45">
        <v>0</v>
      </c>
      <c r="M87" s="45">
        <v>0</v>
      </c>
      <c r="N87" s="45">
        <v>0</v>
      </c>
      <c r="O87" s="45">
        <v>0</v>
      </c>
      <c r="P87" s="45">
        <v>0</v>
      </c>
      <c r="Q87" s="45">
        <v>0</v>
      </c>
      <c r="R87" s="45">
        <v>0</v>
      </c>
      <c r="S87" s="45">
        <v>9.9</v>
      </c>
      <c r="T87" s="45">
        <v>4.9000000000000004</v>
      </c>
      <c r="U87" s="45">
        <v>4.4000000000000004</v>
      </c>
      <c r="V87" s="45">
        <v>1.8</v>
      </c>
      <c r="W87" s="45">
        <v>2.9</v>
      </c>
      <c r="X87" s="46">
        <v>8.5</v>
      </c>
    </row>
    <row r="88" spans="2:25" x14ac:dyDescent="0.2">
      <c r="B88" s="72"/>
      <c r="C88" s="38" t="s">
        <v>45</v>
      </c>
      <c r="D88" s="44">
        <v>240</v>
      </c>
      <c r="E88" s="45">
        <v>0</v>
      </c>
      <c r="F88" s="45">
        <v>0</v>
      </c>
      <c r="G88" s="45">
        <v>0</v>
      </c>
      <c r="H88" s="45">
        <v>0</v>
      </c>
      <c r="I88" s="45">
        <v>0</v>
      </c>
      <c r="J88" s="45">
        <v>0</v>
      </c>
      <c r="K88" s="45">
        <v>0</v>
      </c>
      <c r="L88" s="45">
        <v>0</v>
      </c>
      <c r="M88" s="45">
        <v>0</v>
      </c>
      <c r="N88" s="45">
        <v>0</v>
      </c>
      <c r="O88" s="45">
        <v>0</v>
      </c>
      <c r="P88" s="45">
        <v>0</v>
      </c>
      <c r="Q88" s="45">
        <v>0</v>
      </c>
      <c r="R88" s="45">
        <v>0</v>
      </c>
      <c r="S88" s="45">
        <v>0</v>
      </c>
      <c r="T88" s="45">
        <v>0</v>
      </c>
      <c r="U88" s="45">
        <v>0</v>
      </c>
      <c r="V88" s="45">
        <v>0</v>
      </c>
      <c r="W88" s="45">
        <v>0</v>
      </c>
      <c r="X88" s="46">
        <v>0</v>
      </c>
    </row>
    <row r="89" spans="2:25" x14ac:dyDescent="0.2">
      <c r="B89" s="72"/>
      <c r="C89" s="38" t="s">
        <v>46</v>
      </c>
      <c r="D89" s="44">
        <v>117</v>
      </c>
      <c r="E89" s="45">
        <v>0</v>
      </c>
      <c r="F89" s="45">
        <v>0</v>
      </c>
      <c r="G89" s="45">
        <v>0</v>
      </c>
      <c r="H89" s="45">
        <v>0</v>
      </c>
      <c r="I89" s="45">
        <v>0</v>
      </c>
      <c r="J89" s="45">
        <v>0</v>
      </c>
      <c r="K89" s="45">
        <v>0</v>
      </c>
      <c r="L89" s="45">
        <v>0</v>
      </c>
      <c r="M89" s="45">
        <v>0</v>
      </c>
      <c r="N89" s="45">
        <v>0</v>
      </c>
      <c r="O89" s="45">
        <v>0</v>
      </c>
      <c r="P89" s="45">
        <v>0</v>
      </c>
      <c r="Q89" s="45">
        <v>0</v>
      </c>
      <c r="R89" s="45">
        <v>0</v>
      </c>
      <c r="S89" s="45">
        <v>0</v>
      </c>
      <c r="T89" s="45">
        <v>0</v>
      </c>
      <c r="U89" s="45">
        <v>0</v>
      </c>
      <c r="V89" s="45">
        <v>0</v>
      </c>
      <c r="W89" s="45">
        <v>0</v>
      </c>
      <c r="X89" s="46">
        <v>0</v>
      </c>
    </row>
    <row r="90" spans="2:25" x14ac:dyDescent="0.2">
      <c r="B90" s="72"/>
      <c r="C90" s="38" t="s">
        <v>47</v>
      </c>
      <c r="D90" s="44">
        <v>461</v>
      </c>
      <c r="E90" s="45">
        <v>0</v>
      </c>
      <c r="F90" s="45">
        <v>0</v>
      </c>
      <c r="G90" s="45">
        <v>0</v>
      </c>
      <c r="H90" s="45">
        <v>0</v>
      </c>
      <c r="I90" s="45">
        <v>0</v>
      </c>
      <c r="J90" s="45">
        <v>0</v>
      </c>
      <c r="K90" s="45">
        <v>0</v>
      </c>
      <c r="L90" s="45">
        <v>0</v>
      </c>
      <c r="M90" s="45">
        <v>0</v>
      </c>
      <c r="N90" s="45">
        <v>0</v>
      </c>
      <c r="O90" s="45">
        <v>0</v>
      </c>
      <c r="P90" s="45">
        <v>0</v>
      </c>
      <c r="Q90" s="45">
        <v>0</v>
      </c>
      <c r="R90" s="45">
        <v>0</v>
      </c>
      <c r="S90" s="45">
        <v>0</v>
      </c>
      <c r="T90" s="45">
        <v>0</v>
      </c>
      <c r="U90" s="45">
        <v>0</v>
      </c>
      <c r="V90" s="45">
        <v>0</v>
      </c>
      <c r="W90" s="45">
        <v>0</v>
      </c>
      <c r="X90" s="46">
        <v>0</v>
      </c>
    </row>
    <row r="91" spans="2:25" ht="21.6" x14ac:dyDescent="0.2">
      <c r="B91" s="72"/>
      <c r="C91" s="39" t="s">
        <v>48</v>
      </c>
      <c r="D91" s="47">
        <v>2307</v>
      </c>
      <c r="E91" s="48">
        <v>7.3</v>
      </c>
      <c r="F91" s="48">
        <v>1.7</v>
      </c>
      <c r="G91" s="48">
        <v>1.4</v>
      </c>
      <c r="H91" s="48">
        <v>3.9</v>
      </c>
      <c r="I91" s="48">
        <v>1.4</v>
      </c>
      <c r="J91" s="48">
        <v>1.9</v>
      </c>
      <c r="K91" s="48">
        <v>2.2999999999999998</v>
      </c>
      <c r="L91" s="48">
        <v>4.5999999999999996</v>
      </c>
      <c r="M91" s="48">
        <v>2.9</v>
      </c>
      <c r="N91" s="48">
        <v>2.6</v>
      </c>
      <c r="O91" s="48">
        <v>0</v>
      </c>
      <c r="P91" s="48">
        <v>0</v>
      </c>
      <c r="Q91" s="48">
        <v>0</v>
      </c>
      <c r="R91" s="48">
        <v>0</v>
      </c>
      <c r="S91" s="48">
        <v>3.4</v>
      </c>
      <c r="T91" s="48">
        <v>1.7</v>
      </c>
      <c r="U91" s="48">
        <v>1.5</v>
      </c>
      <c r="V91" s="48">
        <v>0.6</v>
      </c>
      <c r="W91" s="48">
        <v>1</v>
      </c>
      <c r="X91" s="49">
        <v>2.9</v>
      </c>
    </row>
    <row r="92" spans="2:25" x14ac:dyDescent="0.2">
      <c r="B92" s="7" t="s">
        <v>49</v>
      </c>
      <c r="C92" s="4" t="s">
        <v>56</v>
      </c>
    </row>
    <row r="93" spans="2:25" x14ac:dyDescent="0.2">
      <c r="B93" s="4"/>
      <c r="C93" s="4" t="s">
        <v>51</v>
      </c>
    </row>
    <row r="95" spans="2:25" x14ac:dyDescent="0.2">
      <c r="C95" t="s">
        <v>35</v>
      </c>
    </row>
    <row r="96" spans="2:25" x14ac:dyDescent="0.2">
      <c r="B96" s="70" t="s">
        <v>340</v>
      </c>
      <c r="C96" s="71"/>
      <c r="D96" s="71"/>
      <c r="E96" s="71"/>
      <c r="F96" s="71"/>
      <c r="G96" s="71"/>
      <c r="H96" s="71"/>
      <c r="I96" s="71"/>
      <c r="J96" s="71"/>
      <c r="K96" s="71"/>
      <c r="L96" s="71"/>
      <c r="M96" s="71"/>
      <c r="N96" s="71"/>
      <c r="O96" s="71"/>
      <c r="P96" s="71"/>
      <c r="Q96" s="71"/>
      <c r="R96" s="71"/>
      <c r="S96" s="71"/>
      <c r="T96" s="71"/>
      <c r="U96" s="71"/>
      <c r="V96" s="71"/>
      <c r="W96" s="71"/>
      <c r="X96" s="71"/>
      <c r="Y96" s="71"/>
    </row>
    <row r="97" spans="1:45" s="32" customFormat="1" ht="36.450000000000003" customHeight="1" x14ac:dyDescent="0.15">
      <c r="A97" s="31"/>
      <c r="D97" s="33" t="s">
        <v>341</v>
      </c>
      <c r="E97" s="36" t="s">
        <v>384</v>
      </c>
      <c r="F97" s="51" t="s">
        <v>385</v>
      </c>
      <c r="G97" s="51" t="s">
        <v>386</v>
      </c>
      <c r="H97" s="51" t="s">
        <v>387</v>
      </c>
      <c r="I97" s="51" t="s">
        <v>388</v>
      </c>
      <c r="J97" s="51" t="s">
        <v>389</v>
      </c>
      <c r="K97" s="51" t="s">
        <v>390</v>
      </c>
      <c r="L97" s="51" t="s">
        <v>391</v>
      </c>
      <c r="M97" s="51" t="s">
        <v>392</v>
      </c>
      <c r="N97" s="51" t="s">
        <v>393</v>
      </c>
      <c r="O97" s="51" t="s">
        <v>394</v>
      </c>
      <c r="P97" s="51" t="s">
        <v>395</v>
      </c>
      <c r="Q97" s="51" t="s">
        <v>396</v>
      </c>
      <c r="R97" s="51" t="s">
        <v>397</v>
      </c>
      <c r="S97" s="51" t="s">
        <v>398</v>
      </c>
      <c r="T97" s="51" t="s">
        <v>399</v>
      </c>
      <c r="U97" s="51" t="s">
        <v>400</v>
      </c>
      <c r="V97" s="51" t="s">
        <v>401</v>
      </c>
      <c r="W97" s="51" t="s">
        <v>402</v>
      </c>
      <c r="X97" s="37" t="s">
        <v>403</v>
      </c>
      <c r="Y97" s="50" t="s">
        <v>344</v>
      </c>
      <c r="AS97" s="34"/>
    </row>
    <row r="98" spans="1:45" x14ac:dyDescent="0.2">
      <c r="B98" s="5"/>
      <c r="C98" s="40" t="s">
        <v>38</v>
      </c>
      <c r="D98" s="41">
        <v>4307</v>
      </c>
      <c r="E98" s="42">
        <v>1.7</v>
      </c>
      <c r="F98" s="42">
        <v>2.4</v>
      </c>
      <c r="G98" s="42">
        <v>7.1</v>
      </c>
      <c r="H98" s="42">
        <v>1.4</v>
      </c>
      <c r="I98" s="42">
        <v>1.1000000000000001</v>
      </c>
      <c r="J98" s="42">
        <v>1.9</v>
      </c>
      <c r="K98" s="42">
        <v>7.8</v>
      </c>
      <c r="L98" s="42">
        <v>3.8</v>
      </c>
      <c r="M98" s="42">
        <v>0.8</v>
      </c>
      <c r="N98" s="42">
        <v>0.4</v>
      </c>
      <c r="O98" s="42">
        <v>0.5</v>
      </c>
      <c r="P98" s="42">
        <v>0.3</v>
      </c>
      <c r="Q98" s="42">
        <v>1.5</v>
      </c>
      <c r="R98" s="42">
        <v>2.2999999999999998</v>
      </c>
      <c r="S98" s="42">
        <v>1</v>
      </c>
      <c r="T98" s="42">
        <v>0.5</v>
      </c>
      <c r="U98" s="42">
        <v>0.7</v>
      </c>
      <c r="V98" s="42">
        <v>1.3</v>
      </c>
      <c r="W98" s="42">
        <v>0.3</v>
      </c>
      <c r="X98" s="43">
        <v>4.9000000000000004</v>
      </c>
    </row>
    <row r="99" spans="1:45" x14ac:dyDescent="0.2">
      <c r="B99" s="72" t="s">
        <v>37</v>
      </c>
      <c r="C99" s="38" t="s">
        <v>39</v>
      </c>
      <c r="D99" s="44">
        <v>1325</v>
      </c>
      <c r="E99" s="45">
        <v>0</v>
      </c>
      <c r="F99" s="45">
        <v>0</v>
      </c>
      <c r="G99" s="45">
        <v>0</v>
      </c>
      <c r="H99" s="45">
        <v>0</v>
      </c>
      <c r="I99" s="45">
        <v>0</v>
      </c>
      <c r="J99" s="45">
        <v>0</v>
      </c>
      <c r="K99" s="45">
        <v>0</v>
      </c>
      <c r="L99" s="45">
        <v>0</v>
      </c>
      <c r="M99" s="45">
        <v>0</v>
      </c>
      <c r="N99" s="45">
        <v>0</v>
      </c>
      <c r="O99" s="45">
        <v>0</v>
      </c>
      <c r="P99" s="45">
        <v>0</v>
      </c>
      <c r="Q99" s="45">
        <v>0</v>
      </c>
      <c r="R99" s="45">
        <v>0</v>
      </c>
      <c r="S99" s="45">
        <v>0</v>
      </c>
      <c r="T99" s="45">
        <v>0</v>
      </c>
      <c r="U99" s="45">
        <v>0</v>
      </c>
      <c r="V99" s="45">
        <v>0</v>
      </c>
      <c r="W99" s="45">
        <v>0</v>
      </c>
      <c r="X99" s="46">
        <v>0</v>
      </c>
    </row>
    <row r="100" spans="1:45" x14ac:dyDescent="0.2">
      <c r="B100" s="72"/>
      <c r="C100" s="38" t="s">
        <v>40</v>
      </c>
      <c r="D100" s="44">
        <v>675</v>
      </c>
      <c r="E100" s="45">
        <v>0</v>
      </c>
      <c r="F100" s="45">
        <v>0</v>
      </c>
      <c r="G100" s="45">
        <v>0</v>
      </c>
      <c r="H100" s="45">
        <v>0</v>
      </c>
      <c r="I100" s="45">
        <v>6.8</v>
      </c>
      <c r="J100" s="45">
        <v>11.9</v>
      </c>
      <c r="K100" s="45">
        <v>49.5</v>
      </c>
      <c r="L100" s="45">
        <v>24.3</v>
      </c>
      <c r="M100" s="45">
        <v>5</v>
      </c>
      <c r="N100" s="45">
        <v>2.5</v>
      </c>
      <c r="O100" s="45">
        <v>0</v>
      </c>
      <c r="P100" s="45">
        <v>0</v>
      </c>
      <c r="Q100" s="45">
        <v>0</v>
      </c>
      <c r="R100" s="45">
        <v>0</v>
      </c>
      <c r="S100" s="45">
        <v>0</v>
      </c>
      <c r="T100" s="45">
        <v>0</v>
      </c>
      <c r="U100" s="45">
        <v>0</v>
      </c>
      <c r="V100" s="45">
        <v>0</v>
      </c>
      <c r="W100" s="45">
        <v>0</v>
      </c>
      <c r="X100" s="46">
        <v>0</v>
      </c>
    </row>
    <row r="101" spans="1:45" x14ac:dyDescent="0.2">
      <c r="B101" s="72"/>
      <c r="C101" s="38" t="s">
        <v>41</v>
      </c>
      <c r="D101" s="44">
        <v>168</v>
      </c>
      <c r="E101" s="45">
        <v>0</v>
      </c>
      <c r="F101" s="45">
        <v>0</v>
      </c>
      <c r="G101" s="45">
        <v>0</v>
      </c>
      <c r="H101" s="45">
        <v>0</v>
      </c>
      <c r="I101" s="45">
        <v>0</v>
      </c>
      <c r="J101" s="45">
        <v>0</v>
      </c>
      <c r="K101" s="45">
        <v>0</v>
      </c>
      <c r="L101" s="45">
        <v>0</v>
      </c>
      <c r="M101" s="45">
        <v>0</v>
      </c>
      <c r="N101" s="45">
        <v>0</v>
      </c>
      <c r="O101" s="45">
        <v>0</v>
      </c>
      <c r="P101" s="45">
        <v>0</v>
      </c>
      <c r="Q101" s="45">
        <v>0</v>
      </c>
      <c r="R101" s="45">
        <v>0</v>
      </c>
      <c r="S101" s="45">
        <v>0</v>
      </c>
      <c r="T101" s="45">
        <v>0</v>
      </c>
      <c r="U101" s="45">
        <v>0</v>
      </c>
      <c r="V101" s="45">
        <v>0</v>
      </c>
      <c r="W101" s="45">
        <v>0</v>
      </c>
      <c r="X101" s="46">
        <v>0</v>
      </c>
    </row>
    <row r="102" spans="1:45" x14ac:dyDescent="0.2">
      <c r="B102" s="72"/>
      <c r="C102" s="38" t="s">
        <v>42</v>
      </c>
      <c r="D102" s="44">
        <v>290</v>
      </c>
      <c r="E102" s="45">
        <v>0</v>
      </c>
      <c r="F102" s="45">
        <v>0</v>
      </c>
      <c r="G102" s="45">
        <v>0</v>
      </c>
      <c r="H102" s="45">
        <v>0</v>
      </c>
      <c r="I102" s="45">
        <v>0</v>
      </c>
      <c r="J102" s="45">
        <v>0</v>
      </c>
      <c r="K102" s="45">
        <v>0</v>
      </c>
      <c r="L102" s="45">
        <v>0</v>
      </c>
      <c r="M102" s="45">
        <v>0</v>
      </c>
      <c r="N102" s="45">
        <v>0</v>
      </c>
      <c r="O102" s="45">
        <v>0</v>
      </c>
      <c r="P102" s="45">
        <v>0</v>
      </c>
      <c r="Q102" s="45">
        <v>0</v>
      </c>
      <c r="R102" s="45">
        <v>0</v>
      </c>
      <c r="S102" s="45">
        <v>0</v>
      </c>
      <c r="T102" s="45">
        <v>0</v>
      </c>
      <c r="U102" s="45">
        <v>0</v>
      </c>
      <c r="V102" s="45">
        <v>0</v>
      </c>
      <c r="W102" s="45">
        <v>0</v>
      </c>
      <c r="X102" s="46">
        <v>0</v>
      </c>
    </row>
    <row r="103" spans="1:45" x14ac:dyDescent="0.2">
      <c r="B103" s="72"/>
      <c r="C103" s="38" t="s">
        <v>43</v>
      </c>
      <c r="D103" s="44">
        <v>231</v>
      </c>
      <c r="E103" s="45">
        <v>0</v>
      </c>
      <c r="F103" s="45">
        <v>0</v>
      </c>
      <c r="G103" s="45">
        <v>0</v>
      </c>
      <c r="H103" s="45">
        <v>0</v>
      </c>
      <c r="I103" s="45">
        <v>0</v>
      </c>
      <c r="J103" s="45">
        <v>0</v>
      </c>
      <c r="K103" s="45">
        <v>0</v>
      </c>
      <c r="L103" s="45">
        <v>0</v>
      </c>
      <c r="M103" s="45">
        <v>0</v>
      </c>
      <c r="N103" s="45">
        <v>0</v>
      </c>
      <c r="O103" s="45">
        <v>0</v>
      </c>
      <c r="P103" s="45">
        <v>0</v>
      </c>
      <c r="Q103" s="45">
        <v>0</v>
      </c>
      <c r="R103" s="45">
        <v>0</v>
      </c>
      <c r="S103" s="45">
        <v>0</v>
      </c>
      <c r="T103" s="45">
        <v>0</v>
      </c>
      <c r="U103" s="45">
        <v>0</v>
      </c>
      <c r="V103" s="45">
        <v>0</v>
      </c>
      <c r="W103" s="45">
        <v>0</v>
      </c>
      <c r="X103" s="46">
        <v>0</v>
      </c>
    </row>
    <row r="104" spans="1:45" x14ac:dyDescent="0.2">
      <c r="B104" s="72"/>
      <c r="C104" s="38" t="s">
        <v>44</v>
      </c>
      <c r="D104" s="44">
        <v>800</v>
      </c>
      <c r="E104" s="45">
        <v>9.1</v>
      </c>
      <c r="F104" s="45">
        <v>12.9</v>
      </c>
      <c r="G104" s="45">
        <v>38</v>
      </c>
      <c r="H104" s="45">
        <v>7.8</v>
      </c>
      <c r="I104" s="45">
        <v>0</v>
      </c>
      <c r="J104" s="45">
        <v>0</v>
      </c>
      <c r="K104" s="45">
        <v>0</v>
      </c>
      <c r="L104" s="45">
        <v>0</v>
      </c>
      <c r="M104" s="45">
        <v>0</v>
      </c>
      <c r="N104" s="45">
        <v>0</v>
      </c>
      <c r="O104" s="45">
        <v>0</v>
      </c>
      <c r="P104" s="45">
        <v>0</v>
      </c>
      <c r="Q104" s="45">
        <v>0</v>
      </c>
      <c r="R104" s="45">
        <v>0</v>
      </c>
      <c r="S104" s="45">
        <v>0</v>
      </c>
      <c r="T104" s="45">
        <v>0</v>
      </c>
      <c r="U104" s="45">
        <v>0</v>
      </c>
      <c r="V104" s="45">
        <v>0</v>
      </c>
      <c r="W104" s="45">
        <v>0</v>
      </c>
      <c r="X104" s="46">
        <v>0</v>
      </c>
    </row>
    <row r="105" spans="1:45" x14ac:dyDescent="0.2">
      <c r="B105" s="72"/>
      <c r="C105" s="38" t="s">
        <v>45</v>
      </c>
      <c r="D105" s="44">
        <v>240</v>
      </c>
      <c r="E105" s="45">
        <v>0</v>
      </c>
      <c r="F105" s="45">
        <v>0</v>
      </c>
      <c r="G105" s="45">
        <v>0</v>
      </c>
      <c r="H105" s="45">
        <v>0</v>
      </c>
      <c r="I105" s="45">
        <v>0</v>
      </c>
      <c r="J105" s="45">
        <v>0</v>
      </c>
      <c r="K105" s="45">
        <v>0</v>
      </c>
      <c r="L105" s="45">
        <v>0</v>
      </c>
      <c r="M105" s="45">
        <v>0</v>
      </c>
      <c r="N105" s="45">
        <v>0</v>
      </c>
      <c r="O105" s="45">
        <v>8.3000000000000007</v>
      </c>
      <c r="P105" s="45">
        <v>5.4</v>
      </c>
      <c r="Q105" s="45">
        <v>27.5</v>
      </c>
      <c r="R105" s="45">
        <v>40.799999999999997</v>
      </c>
      <c r="S105" s="45">
        <v>17.899999999999999</v>
      </c>
      <c r="T105" s="45">
        <v>0</v>
      </c>
      <c r="U105" s="45">
        <v>0</v>
      </c>
      <c r="V105" s="45">
        <v>0</v>
      </c>
      <c r="W105" s="45">
        <v>0</v>
      </c>
      <c r="X105" s="46">
        <v>0</v>
      </c>
    </row>
    <row r="106" spans="1:45" x14ac:dyDescent="0.2">
      <c r="B106" s="72"/>
      <c r="C106" s="38" t="s">
        <v>46</v>
      </c>
      <c r="D106" s="44">
        <v>117</v>
      </c>
      <c r="E106" s="45">
        <v>0</v>
      </c>
      <c r="F106" s="45">
        <v>0</v>
      </c>
      <c r="G106" s="45">
        <v>0</v>
      </c>
      <c r="H106" s="45">
        <v>0</v>
      </c>
      <c r="I106" s="45">
        <v>0</v>
      </c>
      <c r="J106" s="45">
        <v>0</v>
      </c>
      <c r="K106" s="45">
        <v>0</v>
      </c>
      <c r="L106" s="45">
        <v>0</v>
      </c>
      <c r="M106" s="45">
        <v>0</v>
      </c>
      <c r="N106" s="45">
        <v>0</v>
      </c>
      <c r="O106" s="45">
        <v>0</v>
      </c>
      <c r="P106" s="45">
        <v>0</v>
      </c>
      <c r="Q106" s="45">
        <v>0</v>
      </c>
      <c r="R106" s="45">
        <v>0</v>
      </c>
      <c r="S106" s="45">
        <v>0</v>
      </c>
      <c r="T106" s="45">
        <v>17.100000000000001</v>
      </c>
      <c r="U106" s="45">
        <v>26.5</v>
      </c>
      <c r="V106" s="45">
        <v>46.2</v>
      </c>
      <c r="W106" s="45">
        <v>10.3</v>
      </c>
      <c r="X106" s="46">
        <v>0</v>
      </c>
    </row>
    <row r="107" spans="1:45" x14ac:dyDescent="0.2">
      <c r="B107" s="72"/>
      <c r="C107" s="38" t="s">
        <v>47</v>
      </c>
      <c r="D107" s="44">
        <v>461</v>
      </c>
      <c r="E107" s="45">
        <v>0</v>
      </c>
      <c r="F107" s="45">
        <v>0</v>
      </c>
      <c r="G107" s="45">
        <v>0</v>
      </c>
      <c r="H107" s="45">
        <v>0</v>
      </c>
      <c r="I107" s="45">
        <v>0</v>
      </c>
      <c r="J107" s="45">
        <v>0</v>
      </c>
      <c r="K107" s="45">
        <v>0</v>
      </c>
      <c r="L107" s="45">
        <v>0</v>
      </c>
      <c r="M107" s="45">
        <v>0</v>
      </c>
      <c r="N107" s="45">
        <v>0</v>
      </c>
      <c r="O107" s="45">
        <v>0</v>
      </c>
      <c r="P107" s="45">
        <v>0</v>
      </c>
      <c r="Q107" s="45">
        <v>0</v>
      </c>
      <c r="R107" s="45">
        <v>0</v>
      </c>
      <c r="S107" s="45">
        <v>0</v>
      </c>
      <c r="T107" s="45">
        <v>0</v>
      </c>
      <c r="U107" s="45">
        <v>0</v>
      </c>
      <c r="V107" s="45">
        <v>0</v>
      </c>
      <c r="W107" s="45">
        <v>0</v>
      </c>
      <c r="X107" s="46">
        <v>46.2</v>
      </c>
    </row>
    <row r="108" spans="1:45" ht="21.6" x14ac:dyDescent="0.2">
      <c r="B108" s="72"/>
      <c r="C108" s="39" t="s">
        <v>48</v>
      </c>
      <c r="D108" s="47">
        <v>2307</v>
      </c>
      <c r="E108" s="48">
        <v>3.2</v>
      </c>
      <c r="F108" s="48">
        <v>4.5</v>
      </c>
      <c r="G108" s="48">
        <v>13.2</v>
      </c>
      <c r="H108" s="48">
        <v>2.7</v>
      </c>
      <c r="I108" s="48">
        <v>0</v>
      </c>
      <c r="J108" s="48">
        <v>0</v>
      </c>
      <c r="K108" s="48">
        <v>0</v>
      </c>
      <c r="L108" s="48">
        <v>0</v>
      </c>
      <c r="M108" s="48">
        <v>0</v>
      </c>
      <c r="N108" s="48">
        <v>0</v>
      </c>
      <c r="O108" s="48">
        <v>0.9</v>
      </c>
      <c r="P108" s="48">
        <v>0.6</v>
      </c>
      <c r="Q108" s="48">
        <v>2.9</v>
      </c>
      <c r="R108" s="48">
        <v>4.2</v>
      </c>
      <c r="S108" s="48">
        <v>1.9</v>
      </c>
      <c r="T108" s="48">
        <v>0.9</v>
      </c>
      <c r="U108" s="48">
        <v>1.3</v>
      </c>
      <c r="V108" s="48">
        <v>2.2999999999999998</v>
      </c>
      <c r="W108" s="48">
        <v>0.5</v>
      </c>
      <c r="X108" s="49">
        <v>9.1999999999999993</v>
      </c>
    </row>
    <row r="109" spans="1:45" x14ac:dyDescent="0.2">
      <c r="B109" s="7" t="s">
        <v>49</v>
      </c>
      <c r="C109" s="4" t="s">
        <v>56</v>
      </c>
    </row>
    <row r="110" spans="1:45" x14ac:dyDescent="0.2">
      <c r="B110" s="4"/>
      <c r="C110" s="4" t="s">
        <v>51</v>
      </c>
    </row>
    <row r="112" spans="1:45" x14ac:dyDescent="0.2">
      <c r="C112" t="s">
        <v>35</v>
      </c>
    </row>
    <row r="113" spans="1:25" x14ac:dyDescent="0.2">
      <c r="B113" s="70" t="s">
        <v>340</v>
      </c>
      <c r="C113" s="71"/>
      <c r="D113" s="71"/>
      <c r="E113" s="71"/>
      <c r="F113" s="71"/>
      <c r="G113" s="71"/>
      <c r="H113" s="71"/>
      <c r="I113" s="71"/>
      <c r="J113" s="71"/>
      <c r="K113" s="71"/>
      <c r="L113" s="71"/>
      <c r="M113" s="71"/>
      <c r="N113" s="71"/>
      <c r="O113" s="71"/>
      <c r="P113" s="71"/>
      <c r="Q113" s="71"/>
      <c r="R113" s="71"/>
      <c r="S113" s="71"/>
      <c r="T113" s="71"/>
      <c r="U113" s="71"/>
      <c r="V113" s="71"/>
      <c r="W113" s="71"/>
      <c r="X113" s="71"/>
      <c r="Y113" s="71"/>
    </row>
    <row r="114" spans="1:25" s="32" customFormat="1" ht="36.450000000000003" customHeight="1" x14ac:dyDescent="0.15">
      <c r="A114" s="31"/>
      <c r="D114" s="33" t="s">
        <v>341</v>
      </c>
      <c r="E114" s="36" t="s">
        <v>404</v>
      </c>
      <c r="F114" s="51" t="s">
        <v>405</v>
      </c>
      <c r="G114" s="51" t="s">
        <v>406</v>
      </c>
      <c r="H114" s="51" t="s">
        <v>407</v>
      </c>
      <c r="I114" s="51" t="s">
        <v>408</v>
      </c>
      <c r="J114" s="51" t="s">
        <v>409</v>
      </c>
      <c r="K114" s="37" t="s">
        <v>410</v>
      </c>
      <c r="L114" s="35" t="s">
        <v>344</v>
      </c>
    </row>
    <row r="115" spans="1:25" x14ac:dyDescent="0.2">
      <c r="B115" s="5"/>
      <c r="C115" s="40" t="s">
        <v>38</v>
      </c>
      <c r="D115" s="41">
        <v>4307</v>
      </c>
      <c r="E115" s="42">
        <v>0.6</v>
      </c>
      <c r="F115" s="42">
        <v>0.8</v>
      </c>
      <c r="G115" s="42">
        <v>1</v>
      </c>
      <c r="H115" s="42">
        <v>0.9</v>
      </c>
      <c r="I115" s="42">
        <v>0.7</v>
      </c>
      <c r="J115" s="42">
        <v>0.9</v>
      </c>
      <c r="K115" s="43">
        <v>0.8</v>
      </c>
    </row>
    <row r="116" spans="1:25" x14ac:dyDescent="0.2">
      <c r="B116" s="72" t="s">
        <v>37</v>
      </c>
      <c r="C116" s="38" t="s">
        <v>39</v>
      </c>
      <c r="D116" s="44">
        <v>1325</v>
      </c>
      <c r="E116" s="45">
        <v>0</v>
      </c>
      <c r="F116" s="45">
        <v>0</v>
      </c>
      <c r="G116" s="45">
        <v>0</v>
      </c>
      <c r="H116" s="45">
        <v>0</v>
      </c>
      <c r="I116" s="45">
        <v>0</v>
      </c>
      <c r="J116" s="45">
        <v>0</v>
      </c>
      <c r="K116" s="46">
        <v>0</v>
      </c>
    </row>
    <row r="117" spans="1:25" x14ac:dyDescent="0.2">
      <c r="B117" s="72"/>
      <c r="C117" s="38" t="s">
        <v>40</v>
      </c>
      <c r="D117" s="44">
        <v>675</v>
      </c>
      <c r="E117" s="45">
        <v>0</v>
      </c>
      <c r="F117" s="45">
        <v>0</v>
      </c>
      <c r="G117" s="45">
        <v>0</v>
      </c>
      <c r="H117" s="45">
        <v>0</v>
      </c>
      <c r="I117" s="45">
        <v>0</v>
      </c>
      <c r="J117" s="45">
        <v>0</v>
      </c>
      <c r="K117" s="46">
        <v>0</v>
      </c>
    </row>
    <row r="118" spans="1:25" x14ac:dyDescent="0.2">
      <c r="B118" s="72"/>
      <c r="C118" s="38" t="s">
        <v>41</v>
      </c>
      <c r="D118" s="44">
        <v>168</v>
      </c>
      <c r="E118" s="45">
        <v>0</v>
      </c>
      <c r="F118" s="45">
        <v>0</v>
      </c>
      <c r="G118" s="45">
        <v>0</v>
      </c>
      <c r="H118" s="45">
        <v>0</v>
      </c>
      <c r="I118" s="45">
        <v>0</v>
      </c>
      <c r="J118" s="45">
        <v>0</v>
      </c>
      <c r="K118" s="46">
        <v>0</v>
      </c>
    </row>
    <row r="119" spans="1:25" x14ac:dyDescent="0.2">
      <c r="B119" s="72"/>
      <c r="C119" s="38" t="s">
        <v>42</v>
      </c>
      <c r="D119" s="44">
        <v>290</v>
      </c>
      <c r="E119" s="45">
        <v>0</v>
      </c>
      <c r="F119" s="45">
        <v>0</v>
      </c>
      <c r="G119" s="45">
        <v>0</v>
      </c>
      <c r="H119" s="45">
        <v>0</v>
      </c>
      <c r="I119" s="45">
        <v>0</v>
      </c>
      <c r="J119" s="45">
        <v>0</v>
      </c>
      <c r="K119" s="46">
        <v>0</v>
      </c>
    </row>
    <row r="120" spans="1:25" x14ac:dyDescent="0.2">
      <c r="B120" s="72"/>
      <c r="C120" s="38" t="s">
        <v>43</v>
      </c>
      <c r="D120" s="44">
        <v>231</v>
      </c>
      <c r="E120" s="45">
        <v>0</v>
      </c>
      <c r="F120" s="45">
        <v>0</v>
      </c>
      <c r="G120" s="45">
        <v>0</v>
      </c>
      <c r="H120" s="45">
        <v>0</v>
      </c>
      <c r="I120" s="45">
        <v>0</v>
      </c>
      <c r="J120" s="45">
        <v>0</v>
      </c>
      <c r="K120" s="46">
        <v>0</v>
      </c>
    </row>
    <row r="121" spans="1:25" x14ac:dyDescent="0.2">
      <c r="B121" s="72"/>
      <c r="C121" s="38" t="s">
        <v>44</v>
      </c>
      <c r="D121" s="44">
        <v>800</v>
      </c>
      <c r="E121" s="45">
        <v>0</v>
      </c>
      <c r="F121" s="45">
        <v>0</v>
      </c>
      <c r="G121" s="45">
        <v>0</v>
      </c>
      <c r="H121" s="45">
        <v>0</v>
      </c>
      <c r="I121" s="45">
        <v>0</v>
      </c>
      <c r="J121" s="45">
        <v>0</v>
      </c>
      <c r="K121" s="46">
        <v>0</v>
      </c>
    </row>
    <row r="122" spans="1:25" x14ac:dyDescent="0.2">
      <c r="B122" s="72"/>
      <c r="C122" s="38" t="s">
        <v>45</v>
      </c>
      <c r="D122" s="44">
        <v>240</v>
      </c>
      <c r="E122" s="45">
        <v>0</v>
      </c>
      <c r="F122" s="45">
        <v>0</v>
      </c>
      <c r="G122" s="45">
        <v>0</v>
      </c>
      <c r="H122" s="45">
        <v>0</v>
      </c>
      <c r="I122" s="45">
        <v>0</v>
      </c>
      <c r="J122" s="45">
        <v>0</v>
      </c>
      <c r="K122" s="46">
        <v>0</v>
      </c>
    </row>
    <row r="123" spans="1:25" x14ac:dyDescent="0.2">
      <c r="B123" s="72"/>
      <c r="C123" s="38" t="s">
        <v>46</v>
      </c>
      <c r="D123" s="44">
        <v>117</v>
      </c>
      <c r="E123" s="45">
        <v>0</v>
      </c>
      <c r="F123" s="45">
        <v>0</v>
      </c>
      <c r="G123" s="45">
        <v>0</v>
      </c>
      <c r="H123" s="45">
        <v>0</v>
      </c>
      <c r="I123" s="45">
        <v>0</v>
      </c>
      <c r="J123" s="45">
        <v>0</v>
      </c>
      <c r="K123" s="46">
        <v>0</v>
      </c>
    </row>
    <row r="124" spans="1:25" x14ac:dyDescent="0.2">
      <c r="B124" s="72"/>
      <c r="C124" s="38" t="s">
        <v>47</v>
      </c>
      <c r="D124" s="44">
        <v>461</v>
      </c>
      <c r="E124" s="45">
        <v>5.2</v>
      </c>
      <c r="F124" s="45">
        <v>7.8</v>
      </c>
      <c r="G124" s="45">
        <v>9.5</v>
      </c>
      <c r="H124" s="45">
        <v>8.5</v>
      </c>
      <c r="I124" s="45">
        <v>6.7</v>
      </c>
      <c r="J124" s="45">
        <v>8.5</v>
      </c>
      <c r="K124" s="46">
        <v>7.6</v>
      </c>
    </row>
    <row r="125" spans="1:25" ht="21.6" x14ac:dyDescent="0.2">
      <c r="B125" s="72"/>
      <c r="C125" s="39" t="s">
        <v>48</v>
      </c>
      <c r="D125" s="47">
        <v>2307</v>
      </c>
      <c r="E125" s="48">
        <v>1</v>
      </c>
      <c r="F125" s="48">
        <v>1.6</v>
      </c>
      <c r="G125" s="48">
        <v>1.9</v>
      </c>
      <c r="H125" s="48">
        <v>1.7</v>
      </c>
      <c r="I125" s="48">
        <v>1.3</v>
      </c>
      <c r="J125" s="48">
        <v>1.7</v>
      </c>
      <c r="K125" s="49">
        <v>1.5</v>
      </c>
    </row>
    <row r="126" spans="1:25" x14ac:dyDescent="0.2">
      <c r="B126" s="7" t="s">
        <v>49</v>
      </c>
      <c r="C126" s="4" t="s">
        <v>56</v>
      </c>
    </row>
    <row r="127" spans="1:25" x14ac:dyDescent="0.2">
      <c r="B127" s="4"/>
      <c r="C127" s="4" t="s">
        <v>51</v>
      </c>
    </row>
    <row r="129" spans="1:25" x14ac:dyDescent="0.2">
      <c r="A129" s="26" t="s">
        <v>25</v>
      </c>
      <c r="B129" t="s">
        <v>35</v>
      </c>
      <c r="C129" t="s">
        <v>35</v>
      </c>
    </row>
    <row r="130" spans="1:25" x14ac:dyDescent="0.2">
      <c r="B130" s="70" t="s">
        <v>57</v>
      </c>
      <c r="C130" s="71"/>
      <c r="D130" s="71"/>
      <c r="E130" s="71"/>
      <c r="F130" s="71"/>
      <c r="G130" s="71"/>
      <c r="H130" s="71"/>
      <c r="I130" s="71"/>
      <c r="J130" s="71"/>
      <c r="K130" s="71"/>
      <c r="L130" s="71"/>
      <c r="M130" s="71"/>
      <c r="N130" s="71"/>
      <c r="O130" s="71"/>
      <c r="P130" s="71"/>
      <c r="Q130" s="71"/>
      <c r="R130" s="71"/>
      <c r="S130" s="71"/>
      <c r="T130" s="71"/>
      <c r="U130" s="71"/>
      <c r="V130" s="71"/>
      <c r="W130" s="71"/>
      <c r="X130" s="71"/>
      <c r="Y130" s="71"/>
    </row>
    <row r="131" spans="1:25" s="32" customFormat="1" ht="25.65" customHeight="1" x14ac:dyDescent="0.15">
      <c r="A131" s="31"/>
      <c r="D131" s="33" t="s">
        <v>341</v>
      </c>
      <c r="E131" s="36" t="s">
        <v>364</v>
      </c>
      <c r="F131" s="51" t="s">
        <v>411</v>
      </c>
      <c r="G131" s="51" t="s">
        <v>412</v>
      </c>
      <c r="H131" s="51" t="s">
        <v>413</v>
      </c>
      <c r="I131" s="51" t="s">
        <v>414</v>
      </c>
      <c r="J131" s="51" t="s">
        <v>415</v>
      </c>
      <c r="K131" s="51" t="s">
        <v>416</v>
      </c>
      <c r="L131" s="51" t="s">
        <v>417</v>
      </c>
      <c r="M131" s="37" t="s">
        <v>418</v>
      </c>
      <c r="N131" s="35" t="s">
        <v>344</v>
      </c>
    </row>
    <row r="132" spans="1:25" x14ac:dyDescent="0.2">
      <c r="B132" s="5"/>
      <c r="C132" s="40" t="s">
        <v>38</v>
      </c>
      <c r="D132" s="41">
        <v>4307</v>
      </c>
      <c r="E132" s="42">
        <v>3.9</v>
      </c>
      <c r="F132" s="42">
        <v>6.7</v>
      </c>
      <c r="G132" s="42">
        <v>5.4</v>
      </c>
      <c r="H132" s="42">
        <v>30.8</v>
      </c>
      <c r="I132" s="42">
        <v>18.600000000000001</v>
      </c>
      <c r="J132" s="42">
        <v>15.7</v>
      </c>
      <c r="K132" s="42">
        <v>5.6</v>
      </c>
      <c r="L132" s="42">
        <v>2.7</v>
      </c>
      <c r="M132" s="43">
        <v>10.7</v>
      </c>
    </row>
    <row r="133" spans="1:25" x14ac:dyDescent="0.2">
      <c r="B133" s="72" t="s">
        <v>37</v>
      </c>
      <c r="C133" s="38" t="s">
        <v>39</v>
      </c>
      <c r="D133" s="44">
        <v>1325</v>
      </c>
      <c r="E133" s="45">
        <v>0</v>
      </c>
      <c r="F133" s="45">
        <v>0</v>
      </c>
      <c r="G133" s="45">
        <v>0</v>
      </c>
      <c r="H133" s="45">
        <v>100</v>
      </c>
      <c r="I133" s="45">
        <v>0</v>
      </c>
      <c r="J133" s="45">
        <v>0</v>
      </c>
      <c r="K133" s="45">
        <v>0</v>
      </c>
      <c r="L133" s="45">
        <v>0</v>
      </c>
      <c r="M133" s="46">
        <v>0</v>
      </c>
    </row>
    <row r="134" spans="1:25" x14ac:dyDescent="0.2">
      <c r="B134" s="72"/>
      <c r="C134" s="38" t="s">
        <v>40</v>
      </c>
      <c r="D134" s="44">
        <v>675</v>
      </c>
      <c r="E134" s="45">
        <v>0</v>
      </c>
      <c r="F134" s="45">
        <v>0</v>
      </c>
      <c r="G134" s="45">
        <v>0</v>
      </c>
      <c r="H134" s="45">
        <v>0</v>
      </c>
      <c r="I134" s="45">
        <v>0</v>
      </c>
      <c r="J134" s="45">
        <v>100</v>
      </c>
      <c r="K134" s="45">
        <v>0</v>
      </c>
      <c r="L134" s="45">
        <v>0</v>
      </c>
      <c r="M134" s="46">
        <v>0</v>
      </c>
    </row>
    <row r="135" spans="1:25" x14ac:dyDescent="0.2">
      <c r="B135" s="72"/>
      <c r="C135" s="38" t="s">
        <v>41</v>
      </c>
      <c r="D135" s="44">
        <v>168</v>
      </c>
      <c r="E135" s="45">
        <v>100</v>
      </c>
      <c r="F135" s="45">
        <v>0</v>
      </c>
      <c r="G135" s="45">
        <v>0</v>
      </c>
      <c r="H135" s="45">
        <v>0</v>
      </c>
      <c r="I135" s="45">
        <v>0</v>
      </c>
      <c r="J135" s="45">
        <v>0</v>
      </c>
      <c r="K135" s="45">
        <v>0</v>
      </c>
      <c r="L135" s="45">
        <v>0</v>
      </c>
      <c r="M135" s="46">
        <v>0</v>
      </c>
    </row>
    <row r="136" spans="1:25" x14ac:dyDescent="0.2">
      <c r="B136" s="72"/>
      <c r="C136" s="38" t="s">
        <v>42</v>
      </c>
      <c r="D136" s="44">
        <v>290</v>
      </c>
      <c r="E136" s="45">
        <v>0</v>
      </c>
      <c r="F136" s="45">
        <v>100</v>
      </c>
      <c r="G136" s="45">
        <v>0</v>
      </c>
      <c r="H136" s="45">
        <v>0</v>
      </c>
      <c r="I136" s="45">
        <v>0</v>
      </c>
      <c r="J136" s="45">
        <v>0</v>
      </c>
      <c r="K136" s="45">
        <v>0</v>
      </c>
      <c r="L136" s="45">
        <v>0</v>
      </c>
      <c r="M136" s="46">
        <v>0</v>
      </c>
    </row>
    <row r="137" spans="1:25" x14ac:dyDescent="0.2">
      <c r="B137" s="72"/>
      <c r="C137" s="38" t="s">
        <v>43</v>
      </c>
      <c r="D137" s="44">
        <v>231</v>
      </c>
      <c r="E137" s="45">
        <v>0</v>
      </c>
      <c r="F137" s="45">
        <v>0</v>
      </c>
      <c r="G137" s="45">
        <v>100</v>
      </c>
      <c r="H137" s="45">
        <v>0</v>
      </c>
      <c r="I137" s="45">
        <v>0</v>
      </c>
      <c r="J137" s="45">
        <v>0</v>
      </c>
      <c r="K137" s="45">
        <v>0</v>
      </c>
      <c r="L137" s="45">
        <v>0</v>
      </c>
      <c r="M137" s="46">
        <v>0</v>
      </c>
    </row>
    <row r="138" spans="1:25" x14ac:dyDescent="0.2">
      <c r="B138" s="72"/>
      <c r="C138" s="38" t="s">
        <v>44</v>
      </c>
      <c r="D138" s="44">
        <v>800</v>
      </c>
      <c r="E138" s="45">
        <v>0</v>
      </c>
      <c r="F138" s="45">
        <v>0</v>
      </c>
      <c r="G138" s="45">
        <v>0</v>
      </c>
      <c r="H138" s="45">
        <v>0</v>
      </c>
      <c r="I138" s="45">
        <v>100</v>
      </c>
      <c r="J138" s="45">
        <v>0</v>
      </c>
      <c r="K138" s="45">
        <v>0</v>
      </c>
      <c r="L138" s="45">
        <v>0</v>
      </c>
      <c r="M138" s="46">
        <v>0</v>
      </c>
    </row>
    <row r="139" spans="1:25" x14ac:dyDescent="0.2">
      <c r="B139" s="72"/>
      <c r="C139" s="38" t="s">
        <v>45</v>
      </c>
      <c r="D139" s="44">
        <v>240</v>
      </c>
      <c r="E139" s="45">
        <v>0</v>
      </c>
      <c r="F139" s="45">
        <v>0</v>
      </c>
      <c r="G139" s="45">
        <v>0</v>
      </c>
      <c r="H139" s="45">
        <v>0</v>
      </c>
      <c r="I139" s="45">
        <v>0</v>
      </c>
      <c r="J139" s="45">
        <v>0</v>
      </c>
      <c r="K139" s="45">
        <v>100</v>
      </c>
      <c r="L139" s="45">
        <v>0</v>
      </c>
      <c r="M139" s="46">
        <v>0</v>
      </c>
    </row>
    <row r="140" spans="1:25" x14ac:dyDescent="0.2">
      <c r="B140" s="72"/>
      <c r="C140" s="38" t="s">
        <v>46</v>
      </c>
      <c r="D140" s="44">
        <v>117</v>
      </c>
      <c r="E140" s="45">
        <v>0</v>
      </c>
      <c r="F140" s="45">
        <v>0</v>
      </c>
      <c r="G140" s="45">
        <v>0</v>
      </c>
      <c r="H140" s="45">
        <v>0</v>
      </c>
      <c r="I140" s="45">
        <v>0</v>
      </c>
      <c r="J140" s="45">
        <v>0</v>
      </c>
      <c r="K140" s="45">
        <v>0</v>
      </c>
      <c r="L140" s="45">
        <v>100</v>
      </c>
      <c r="M140" s="46">
        <v>0</v>
      </c>
    </row>
    <row r="141" spans="1:25" x14ac:dyDescent="0.2">
      <c r="B141" s="72"/>
      <c r="C141" s="38" t="s">
        <v>47</v>
      </c>
      <c r="D141" s="44">
        <v>461</v>
      </c>
      <c r="E141" s="45">
        <v>0</v>
      </c>
      <c r="F141" s="45">
        <v>0</v>
      </c>
      <c r="G141" s="45">
        <v>0</v>
      </c>
      <c r="H141" s="45">
        <v>0</v>
      </c>
      <c r="I141" s="45">
        <v>0</v>
      </c>
      <c r="J141" s="45">
        <v>0</v>
      </c>
      <c r="K141" s="45">
        <v>0</v>
      </c>
      <c r="L141" s="45">
        <v>0</v>
      </c>
      <c r="M141" s="46">
        <v>100</v>
      </c>
    </row>
    <row r="142" spans="1:25" ht="21.6" x14ac:dyDescent="0.2">
      <c r="B142" s="72"/>
      <c r="C142" s="39" t="s">
        <v>48</v>
      </c>
      <c r="D142" s="47">
        <v>2307</v>
      </c>
      <c r="E142" s="48">
        <v>7.3</v>
      </c>
      <c r="F142" s="48">
        <v>12.6</v>
      </c>
      <c r="G142" s="48">
        <v>10</v>
      </c>
      <c r="H142" s="48">
        <v>0</v>
      </c>
      <c r="I142" s="48">
        <v>34.700000000000003</v>
      </c>
      <c r="J142" s="48">
        <v>0</v>
      </c>
      <c r="K142" s="48">
        <v>10.4</v>
      </c>
      <c r="L142" s="48">
        <v>5.0999999999999996</v>
      </c>
      <c r="M142" s="49">
        <v>20</v>
      </c>
    </row>
    <row r="144" spans="1:25" x14ac:dyDescent="0.2">
      <c r="A144" s="26" t="s">
        <v>25</v>
      </c>
      <c r="B144" t="s">
        <v>35</v>
      </c>
      <c r="C144" t="s">
        <v>35</v>
      </c>
    </row>
    <row r="145" spans="1:25" x14ac:dyDescent="0.2">
      <c r="B145" s="70" t="s">
        <v>58</v>
      </c>
      <c r="C145" s="71"/>
      <c r="D145" s="71"/>
      <c r="E145" s="71"/>
      <c r="F145" s="71"/>
      <c r="G145" s="71"/>
      <c r="H145" s="71"/>
      <c r="I145" s="71"/>
      <c r="J145" s="71"/>
      <c r="K145" s="71"/>
      <c r="L145" s="71"/>
      <c r="M145" s="71"/>
      <c r="N145" s="71"/>
      <c r="O145" s="71"/>
      <c r="P145" s="71"/>
      <c r="Q145" s="71"/>
      <c r="R145" s="71"/>
      <c r="S145" s="71"/>
      <c r="T145" s="71"/>
      <c r="U145" s="71"/>
      <c r="V145" s="71"/>
      <c r="W145" s="71"/>
      <c r="X145" s="71"/>
      <c r="Y145" s="71"/>
    </row>
    <row r="146" spans="1:25" s="32" customFormat="1" ht="47.25" customHeight="1" x14ac:dyDescent="0.15">
      <c r="A146" s="31"/>
      <c r="D146" s="33" t="s">
        <v>341</v>
      </c>
      <c r="E146" s="36" t="s">
        <v>419</v>
      </c>
      <c r="F146" s="37" t="s">
        <v>420</v>
      </c>
      <c r="G146" s="35" t="s">
        <v>344</v>
      </c>
    </row>
    <row r="147" spans="1:25" x14ac:dyDescent="0.2">
      <c r="B147" s="5"/>
      <c r="C147" s="40" t="s">
        <v>38</v>
      </c>
      <c r="D147" s="41">
        <v>4307</v>
      </c>
      <c r="E147" s="42">
        <v>46.4</v>
      </c>
      <c r="F147" s="43">
        <v>53.6</v>
      </c>
    </row>
    <row r="148" spans="1:25" x14ac:dyDescent="0.2">
      <c r="B148" s="72" t="s">
        <v>37</v>
      </c>
      <c r="C148" s="38" t="s">
        <v>39</v>
      </c>
      <c r="D148" s="44">
        <v>1325</v>
      </c>
      <c r="E148" s="45">
        <v>100</v>
      </c>
      <c r="F148" s="46">
        <v>0</v>
      </c>
    </row>
    <row r="149" spans="1:25" x14ac:dyDescent="0.2">
      <c r="B149" s="72"/>
      <c r="C149" s="38" t="s">
        <v>40</v>
      </c>
      <c r="D149" s="44">
        <v>675</v>
      </c>
      <c r="E149" s="45">
        <v>100</v>
      </c>
      <c r="F149" s="46">
        <v>0</v>
      </c>
    </row>
    <row r="150" spans="1:25" x14ac:dyDescent="0.2">
      <c r="B150" s="72"/>
      <c r="C150" s="38" t="s">
        <v>41</v>
      </c>
      <c r="D150" s="44">
        <v>168</v>
      </c>
      <c r="E150" s="45">
        <v>0</v>
      </c>
      <c r="F150" s="46">
        <v>100</v>
      </c>
    </row>
    <row r="151" spans="1:25" x14ac:dyDescent="0.2">
      <c r="B151" s="72"/>
      <c r="C151" s="38" t="s">
        <v>42</v>
      </c>
      <c r="D151" s="44">
        <v>290</v>
      </c>
      <c r="E151" s="45">
        <v>0</v>
      </c>
      <c r="F151" s="46">
        <v>100</v>
      </c>
    </row>
    <row r="152" spans="1:25" x14ac:dyDescent="0.2">
      <c r="B152" s="72"/>
      <c r="C152" s="38" t="s">
        <v>43</v>
      </c>
      <c r="D152" s="44">
        <v>231</v>
      </c>
      <c r="E152" s="45">
        <v>0</v>
      </c>
      <c r="F152" s="46">
        <v>100</v>
      </c>
    </row>
    <row r="153" spans="1:25" x14ac:dyDescent="0.2">
      <c r="B153" s="72"/>
      <c r="C153" s="38" t="s">
        <v>44</v>
      </c>
      <c r="D153" s="44">
        <v>800</v>
      </c>
      <c r="E153" s="45">
        <v>0</v>
      </c>
      <c r="F153" s="46">
        <v>100</v>
      </c>
    </row>
    <row r="154" spans="1:25" x14ac:dyDescent="0.2">
      <c r="B154" s="72"/>
      <c r="C154" s="38" t="s">
        <v>45</v>
      </c>
      <c r="D154" s="44">
        <v>240</v>
      </c>
      <c r="E154" s="45">
        <v>0</v>
      </c>
      <c r="F154" s="46">
        <v>100</v>
      </c>
    </row>
    <row r="155" spans="1:25" x14ac:dyDescent="0.2">
      <c r="B155" s="72"/>
      <c r="C155" s="38" t="s">
        <v>46</v>
      </c>
      <c r="D155" s="44">
        <v>117</v>
      </c>
      <c r="E155" s="45">
        <v>0</v>
      </c>
      <c r="F155" s="46">
        <v>100</v>
      </c>
    </row>
    <row r="156" spans="1:25" x14ac:dyDescent="0.2">
      <c r="B156" s="72"/>
      <c r="C156" s="38" t="s">
        <v>47</v>
      </c>
      <c r="D156" s="44">
        <v>461</v>
      </c>
      <c r="E156" s="45">
        <v>0</v>
      </c>
      <c r="F156" s="46">
        <v>100</v>
      </c>
    </row>
    <row r="157" spans="1:25" ht="21.6" x14ac:dyDescent="0.2">
      <c r="B157" s="72"/>
      <c r="C157" s="39" t="s">
        <v>48</v>
      </c>
      <c r="D157" s="47">
        <v>2307</v>
      </c>
      <c r="E157" s="48">
        <v>0</v>
      </c>
      <c r="F157" s="49">
        <v>100</v>
      </c>
    </row>
    <row r="159" spans="1:25" x14ac:dyDescent="0.2">
      <c r="A159" s="26" t="s">
        <v>25</v>
      </c>
      <c r="B159" t="s">
        <v>35</v>
      </c>
      <c r="C159" t="s">
        <v>35</v>
      </c>
    </row>
    <row r="160" spans="1:25" x14ac:dyDescent="0.2">
      <c r="B160" s="70" t="s">
        <v>59</v>
      </c>
      <c r="C160" s="71"/>
      <c r="D160" s="71"/>
      <c r="E160" s="71"/>
      <c r="F160" s="71"/>
      <c r="G160" s="71"/>
      <c r="H160" s="71"/>
      <c r="I160" s="71"/>
      <c r="J160" s="71"/>
      <c r="K160" s="71"/>
      <c r="L160" s="71"/>
      <c r="M160" s="71"/>
      <c r="N160" s="71"/>
      <c r="O160" s="71"/>
      <c r="P160" s="71"/>
      <c r="Q160" s="71"/>
      <c r="R160" s="71"/>
      <c r="S160" s="71"/>
      <c r="T160" s="71"/>
      <c r="U160" s="71"/>
      <c r="V160" s="71"/>
      <c r="W160" s="71"/>
      <c r="X160" s="71"/>
      <c r="Y160" s="71"/>
    </row>
    <row r="161" spans="1:16" s="32" customFormat="1" ht="47.25" customHeight="1" x14ac:dyDescent="0.15">
      <c r="A161" s="31"/>
      <c r="D161" s="33" t="s">
        <v>341</v>
      </c>
      <c r="E161" s="36" t="s">
        <v>421</v>
      </c>
      <c r="F161" s="51" t="s">
        <v>422</v>
      </c>
      <c r="G161" s="51" t="s">
        <v>423</v>
      </c>
      <c r="H161" s="51" t="s">
        <v>424</v>
      </c>
      <c r="I161" s="51" t="s">
        <v>425</v>
      </c>
      <c r="J161" s="51" t="s">
        <v>426</v>
      </c>
      <c r="K161" s="51" t="s">
        <v>427</v>
      </c>
      <c r="L161" s="51" t="s">
        <v>428</v>
      </c>
      <c r="M161" s="51" t="s">
        <v>429</v>
      </c>
      <c r="N161" s="51" t="s">
        <v>430</v>
      </c>
      <c r="O161" s="37" t="s">
        <v>431</v>
      </c>
      <c r="P161" s="35" t="s">
        <v>344</v>
      </c>
    </row>
    <row r="162" spans="1:16" x14ac:dyDescent="0.2">
      <c r="B162" s="5"/>
      <c r="C162" s="40" t="s">
        <v>38</v>
      </c>
      <c r="D162" s="41">
        <v>4307</v>
      </c>
      <c r="E162" s="42">
        <v>66.099999999999994</v>
      </c>
      <c r="F162" s="42">
        <v>18.2</v>
      </c>
      <c r="G162" s="42">
        <v>5.5</v>
      </c>
      <c r="H162" s="42">
        <v>5.7</v>
      </c>
      <c r="I162" s="42">
        <v>4.0999999999999996</v>
      </c>
      <c r="J162" s="42">
        <v>0.4</v>
      </c>
      <c r="K162" s="42">
        <v>0</v>
      </c>
      <c r="L162" s="42">
        <v>0</v>
      </c>
      <c r="M162" s="42">
        <v>0</v>
      </c>
      <c r="N162" s="42">
        <v>0</v>
      </c>
      <c r="O162" s="43">
        <v>0</v>
      </c>
    </row>
    <row r="163" spans="1:16" x14ac:dyDescent="0.2">
      <c r="B163" s="72" t="s">
        <v>37</v>
      </c>
      <c r="C163" s="38" t="s">
        <v>39</v>
      </c>
      <c r="D163" s="44">
        <v>1325</v>
      </c>
      <c r="E163" s="45">
        <v>66.599999999999994</v>
      </c>
      <c r="F163" s="45">
        <v>15.5</v>
      </c>
      <c r="G163" s="45">
        <v>6.9</v>
      </c>
      <c r="H163" s="45">
        <v>6.2</v>
      </c>
      <c r="I163" s="45">
        <v>4.5</v>
      </c>
      <c r="J163" s="45">
        <v>0.3</v>
      </c>
      <c r="K163" s="45">
        <v>0</v>
      </c>
      <c r="L163" s="45">
        <v>0</v>
      </c>
      <c r="M163" s="45">
        <v>0</v>
      </c>
      <c r="N163" s="45">
        <v>0</v>
      </c>
      <c r="O163" s="46">
        <v>0</v>
      </c>
    </row>
    <row r="164" spans="1:16" x14ac:dyDescent="0.2">
      <c r="B164" s="72"/>
      <c r="C164" s="38" t="s">
        <v>40</v>
      </c>
      <c r="D164" s="44">
        <v>675</v>
      </c>
      <c r="E164" s="45">
        <v>63.9</v>
      </c>
      <c r="F164" s="45">
        <v>21.8</v>
      </c>
      <c r="G164" s="45">
        <v>5.5</v>
      </c>
      <c r="H164" s="45">
        <v>4.5999999999999996</v>
      </c>
      <c r="I164" s="45">
        <v>3.9</v>
      </c>
      <c r="J164" s="45">
        <v>0.4</v>
      </c>
      <c r="K164" s="45">
        <v>0</v>
      </c>
      <c r="L164" s="45">
        <v>0</v>
      </c>
      <c r="M164" s="45">
        <v>0</v>
      </c>
      <c r="N164" s="45">
        <v>0</v>
      </c>
      <c r="O164" s="46">
        <v>0</v>
      </c>
    </row>
    <row r="165" spans="1:16" x14ac:dyDescent="0.2">
      <c r="B165" s="72"/>
      <c r="C165" s="38" t="s">
        <v>41</v>
      </c>
      <c r="D165" s="44">
        <v>168</v>
      </c>
      <c r="E165" s="45">
        <v>63.7</v>
      </c>
      <c r="F165" s="45">
        <v>18.5</v>
      </c>
      <c r="G165" s="45">
        <v>4.2</v>
      </c>
      <c r="H165" s="45">
        <v>6</v>
      </c>
      <c r="I165" s="45">
        <v>7.1</v>
      </c>
      <c r="J165" s="45">
        <v>0.6</v>
      </c>
      <c r="K165" s="45">
        <v>0</v>
      </c>
      <c r="L165" s="45">
        <v>0</v>
      </c>
      <c r="M165" s="45">
        <v>0</v>
      </c>
      <c r="N165" s="45">
        <v>0</v>
      </c>
      <c r="O165" s="46">
        <v>0</v>
      </c>
    </row>
    <row r="166" spans="1:16" x14ac:dyDescent="0.2">
      <c r="B166" s="72"/>
      <c r="C166" s="38" t="s">
        <v>42</v>
      </c>
      <c r="D166" s="44">
        <v>290</v>
      </c>
      <c r="E166" s="45">
        <v>68.599999999999994</v>
      </c>
      <c r="F166" s="45">
        <v>16.2</v>
      </c>
      <c r="G166" s="45">
        <v>5.2</v>
      </c>
      <c r="H166" s="45">
        <v>6.6</v>
      </c>
      <c r="I166" s="45">
        <v>3.1</v>
      </c>
      <c r="J166" s="45">
        <v>0.3</v>
      </c>
      <c r="K166" s="45">
        <v>0</v>
      </c>
      <c r="L166" s="45">
        <v>0</v>
      </c>
      <c r="M166" s="45">
        <v>0</v>
      </c>
      <c r="N166" s="45">
        <v>0</v>
      </c>
      <c r="O166" s="46">
        <v>0</v>
      </c>
    </row>
    <row r="167" spans="1:16" x14ac:dyDescent="0.2">
      <c r="B167" s="72"/>
      <c r="C167" s="38" t="s">
        <v>43</v>
      </c>
      <c r="D167" s="44">
        <v>231</v>
      </c>
      <c r="E167" s="45">
        <v>65.400000000000006</v>
      </c>
      <c r="F167" s="45">
        <v>19.5</v>
      </c>
      <c r="G167" s="45">
        <v>5.6</v>
      </c>
      <c r="H167" s="45">
        <v>4.3</v>
      </c>
      <c r="I167" s="45">
        <v>5.2</v>
      </c>
      <c r="J167" s="45">
        <v>0</v>
      </c>
      <c r="K167" s="45">
        <v>0</v>
      </c>
      <c r="L167" s="45">
        <v>0</v>
      </c>
      <c r="M167" s="45">
        <v>0</v>
      </c>
      <c r="N167" s="45">
        <v>0</v>
      </c>
      <c r="O167" s="46">
        <v>0</v>
      </c>
    </row>
    <row r="168" spans="1:16" x14ac:dyDescent="0.2">
      <c r="B168" s="72"/>
      <c r="C168" s="38" t="s">
        <v>44</v>
      </c>
      <c r="D168" s="44">
        <v>800</v>
      </c>
      <c r="E168" s="45">
        <v>67</v>
      </c>
      <c r="F168" s="45">
        <v>19.5</v>
      </c>
      <c r="G168" s="45">
        <v>3.9</v>
      </c>
      <c r="H168" s="45">
        <v>5</v>
      </c>
      <c r="I168" s="45">
        <v>4.3</v>
      </c>
      <c r="J168" s="45">
        <v>0.4</v>
      </c>
      <c r="K168" s="45">
        <v>0</v>
      </c>
      <c r="L168" s="45">
        <v>0</v>
      </c>
      <c r="M168" s="45">
        <v>0</v>
      </c>
      <c r="N168" s="45">
        <v>0</v>
      </c>
      <c r="O168" s="46">
        <v>0</v>
      </c>
    </row>
    <row r="169" spans="1:16" x14ac:dyDescent="0.2">
      <c r="B169" s="72"/>
      <c r="C169" s="38" t="s">
        <v>45</v>
      </c>
      <c r="D169" s="44">
        <v>240</v>
      </c>
      <c r="E169" s="45">
        <v>67.5</v>
      </c>
      <c r="F169" s="45">
        <v>18.3</v>
      </c>
      <c r="G169" s="45">
        <v>5.8</v>
      </c>
      <c r="H169" s="45">
        <v>5.4</v>
      </c>
      <c r="I169" s="45">
        <v>2.9</v>
      </c>
      <c r="J169" s="45">
        <v>0</v>
      </c>
      <c r="K169" s="45">
        <v>0</v>
      </c>
      <c r="L169" s="45">
        <v>0</v>
      </c>
      <c r="M169" s="45">
        <v>0</v>
      </c>
      <c r="N169" s="45">
        <v>0</v>
      </c>
      <c r="O169" s="46">
        <v>0</v>
      </c>
    </row>
    <row r="170" spans="1:16" x14ac:dyDescent="0.2">
      <c r="B170" s="72"/>
      <c r="C170" s="38" t="s">
        <v>46</v>
      </c>
      <c r="D170" s="44">
        <v>117</v>
      </c>
      <c r="E170" s="45">
        <v>69.2</v>
      </c>
      <c r="F170" s="45">
        <v>17.100000000000001</v>
      </c>
      <c r="G170" s="45">
        <v>0.9</v>
      </c>
      <c r="H170" s="45">
        <v>7.7</v>
      </c>
      <c r="I170" s="45">
        <v>4.3</v>
      </c>
      <c r="J170" s="45">
        <v>0.9</v>
      </c>
      <c r="K170" s="45">
        <v>0</v>
      </c>
      <c r="L170" s="45">
        <v>0</v>
      </c>
      <c r="M170" s="45">
        <v>0</v>
      </c>
      <c r="N170" s="45">
        <v>0</v>
      </c>
      <c r="O170" s="46">
        <v>0</v>
      </c>
    </row>
    <row r="171" spans="1:16" x14ac:dyDescent="0.2">
      <c r="B171" s="72"/>
      <c r="C171" s="38" t="s">
        <v>47</v>
      </c>
      <c r="D171" s="44">
        <v>461</v>
      </c>
      <c r="E171" s="45">
        <v>64.900000000000006</v>
      </c>
      <c r="F171" s="45">
        <v>19.100000000000001</v>
      </c>
      <c r="G171" s="45">
        <v>6.1</v>
      </c>
      <c r="H171" s="45">
        <v>6.5</v>
      </c>
      <c r="I171" s="45">
        <v>2.6</v>
      </c>
      <c r="J171" s="45">
        <v>0.9</v>
      </c>
      <c r="K171" s="45">
        <v>0</v>
      </c>
      <c r="L171" s="45">
        <v>0</v>
      </c>
      <c r="M171" s="45">
        <v>0</v>
      </c>
      <c r="N171" s="45">
        <v>0</v>
      </c>
      <c r="O171" s="46">
        <v>0</v>
      </c>
    </row>
    <row r="172" spans="1:16" ht="21.6" x14ac:dyDescent="0.2">
      <c r="B172" s="72"/>
      <c r="C172" s="39" t="s">
        <v>48</v>
      </c>
      <c r="D172" s="47">
        <v>2307</v>
      </c>
      <c r="E172" s="48">
        <v>66.5</v>
      </c>
      <c r="F172" s="48">
        <v>18.7</v>
      </c>
      <c r="G172" s="48">
        <v>4.7</v>
      </c>
      <c r="H172" s="48">
        <v>5.7</v>
      </c>
      <c r="I172" s="48">
        <v>3.9</v>
      </c>
      <c r="J172" s="48">
        <v>0.4</v>
      </c>
      <c r="K172" s="48">
        <v>0</v>
      </c>
      <c r="L172" s="48">
        <v>0</v>
      </c>
      <c r="M172" s="48">
        <v>0</v>
      </c>
      <c r="N172" s="48">
        <v>0</v>
      </c>
      <c r="O172" s="49">
        <v>0</v>
      </c>
    </row>
    <row r="173" spans="1:16" x14ac:dyDescent="0.2">
      <c r="B173" s="7" t="s">
        <v>49</v>
      </c>
      <c r="C173" s="4" t="s">
        <v>60</v>
      </c>
    </row>
    <row r="174" spans="1:16" x14ac:dyDescent="0.2">
      <c r="B174" s="4"/>
      <c r="C174" s="4" t="s">
        <v>51</v>
      </c>
    </row>
    <row r="176" spans="1:16" x14ac:dyDescent="0.2">
      <c r="A176" s="26" t="s">
        <v>25</v>
      </c>
      <c r="B176" t="s">
        <v>35</v>
      </c>
      <c r="C176" t="s">
        <v>35</v>
      </c>
    </row>
    <row r="177" spans="1:25" x14ac:dyDescent="0.2">
      <c r="B177" s="70" t="s">
        <v>61</v>
      </c>
      <c r="C177" s="71"/>
      <c r="D177" s="71"/>
      <c r="E177" s="71"/>
      <c r="F177" s="71"/>
      <c r="G177" s="71"/>
      <c r="H177" s="71"/>
      <c r="I177" s="71"/>
      <c r="J177" s="71"/>
      <c r="K177" s="71"/>
      <c r="L177" s="71"/>
      <c r="M177" s="71"/>
      <c r="N177" s="71"/>
      <c r="O177" s="71"/>
      <c r="P177" s="71"/>
      <c r="Q177" s="71"/>
      <c r="R177" s="71"/>
      <c r="S177" s="71"/>
      <c r="T177" s="71"/>
      <c r="U177" s="71"/>
      <c r="V177" s="71"/>
      <c r="W177" s="71"/>
      <c r="X177" s="71"/>
      <c r="Y177" s="71"/>
    </row>
    <row r="178" spans="1:25" s="32" customFormat="1" ht="36.450000000000003" customHeight="1" x14ac:dyDescent="0.15">
      <c r="A178" s="31"/>
      <c r="D178" s="33" t="s">
        <v>341</v>
      </c>
      <c r="E178" s="36" t="s">
        <v>432</v>
      </c>
      <c r="F178" s="37" t="s">
        <v>433</v>
      </c>
      <c r="G178" s="35" t="s">
        <v>344</v>
      </c>
    </row>
    <row r="179" spans="1:25" x14ac:dyDescent="0.2">
      <c r="B179" s="5"/>
      <c r="C179" s="40" t="s">
        <v>38</v>
      </c>
      <c r="D179" s="41">
        <v>4307</v>
      </c>
      <c r="E179" s="42">
        <v>66.099999999999994</v>
      </c>
      <c r="F179" s="43">
        <v>33.9</v>
      </c>
    </row>
    <row r="180" spans="1:25" x14ac:dyDescent="0.2">
      <c r="B180" s="72" t="s">
        <v>37</v>
      </c>
      <c r="C180" s="38" t="s">
        <v>39</v>
      </c>
      <c r="D180" s="44">
        <v>1325</v>
      </c>
      <c r="E180" s="45">
        <v>66.599999999999994</v>
      </c>
      <c r="F180" s="46">
        <v>33.4</v>
      </c>
    </row>
    <row r="181" spans="1:25" x14ac:dyDescent="0.2">
      <c r="B181" s="72"/>
      <c r="C181" s="38" t="s">
        <v>40</v>
      </c>
      <c r="D181" s="44">
        <v>675</v>
      </c>
      <c r="E181" s="45">
        <v>63.9</v>
      </c>
      <c r="F181" s="46">
        <v>36.1</v>
      </c>
    </row>
    <row r="182" spans="1:25" x14ac:dyDescent="0.2">
      <c r="B182" s="72"/>
      <c r="C182" s="38" t="s">
        <v>41</v>
      </c>
      <c r="D182" s="44">
        <v>168</v>
      </c>
      <c r="E182" s="45">
        <v>63.7</v>
      </c>
      <c r="F182" s="46">
        <v>36.299999999999997</v>
      </c>
    </row>
    <row r="183" spans="1:25" x14ac:dyDescent="0.2">
      <c r="B183" s="72"/>
      <c r="C183" s="38" t="s">
        <v>42</v>
      </c>
      <c r="D183" s="44">
        <v>290</v>
      </c>
      <c r="E183" s="45">
        <v>68.599999999999994</v>
      </c>
      <c r="F183" s="46">
        <v>31.4</v>
      </c>
    </row>
    <row r="184" spans="1:25" x14ac:dyDescent="0.2">
      <c r="B184" s="72"/>
      <c r="C184" s="38" t="s">
        <v>43</v>
      </c>
      <c r="D184" s="44">
        <v>231</v>
      </c>
      <c r="E184" s="45">
        <v>65.400000000000006</v>
      </c>
      <c r="F184" s="46">
        <v>34.6</v>
      </c>
    </row>
    <row r="185" spans="1:25" x14ac:dyDescent="0.2">
      <c r="B185" s="72"/>
      <c r="C185" s="38" t="s">
        <v>44</v>
      </c>
      <c r="D185" s="44">
        <v>800</v>
      </c>
      <c r="E185" s="45">
        <v>67</v>
      </c>
      <c r="F185" s="46">
        <v>33</v>
      </c>
    </row>
    <row r="186" spans="1:25" x14ac:dyDescent="0.2">
      <c r="B186" s="72"/>
      <c r="C186" s="38" t="s">
        <v>45</v>
      </c>
      <c r="D186" s="44">
        <v>240</v>
      </c>
      <c r="E186" s="45">
        <v>67.5</v>
      </c>
      <c r="F186" s="46">
        <v>32.5</v>
      </c>
    </row>
    <row r="187" spans="1:25" x14ac:dyDescent="0.2">
      <c r="B187" s="72"/>
      <c r="C187" s="38" t="s">
        <v>46</v>
      </c>
      <c r="D187" s="44">
        <v>117</v>
      </c>
      <c r="E187" s="45">
        <v>69.2</v>
      </c>
      <c r="F187" s="46">
        <v>30.8</v>
      </c>
    </row>
    <row r="188" spans="1:25" x14ac:dyDescent="0.2">
      <c r="B188" s="72"/>
      <c r="C188" s="38" t="s">
        <v>47</v>
      </c>
      <c r="D188" s="44">
        <v>461</v>
      </c>
      <c r="E188" s="45">
        <v>64.900000000000006</v>
      </c>
      <c r="F188" s="46">
        <v>35.1</v>
      </c>
    </row>
    <row r="189" spans="1:25" ht="21.6" x14ac:dyDescent="0.2">
      <c r="B189" s="72"/>
      <c r="C189" s="39" t="s">
        <v>48</v>
      </c>
      <c r="D189" s="47">
        <v>2307</v>
      </c>
      <c r="E189" s="48">
        <v>66.5</v>
      </c>
      <c r="F189" s="49">
        <v>33.5</v>
      </c>
    </row>
    <row r="191" spans="1:25" x14ac:dyDescent="0.2">
      <c r="A191" s="26" t="s">
        <v>25</v>
      </c>
      <c r="B191" t="s">
        <v>35</v>
      </c>
      <c r="C191" t="s">
        <v>35</v>
      </c>
    </row>
    <row r="192" spans="1:25" x14ac:dyDescent="0.2">
      <c r="B192" s="70" t="s">
        <v>62</v>
      </c>
      <c r="C192" s="71"/>
      <c r="D192" s="71"/>
      <c r="E192" s="71"/>
      <c r="F192" s="71"/>
      <c r="G192" s="71"/>
      <c r="H192" s="71"/>
      <c r="I192" s="71"/>
      <c r="J192" s="71"/>
      <c r="K192" s="71"/>
      <c r="L192" s="71"/>
      <c r="M192" s="71"/>
      <c r="N192" s="71"/>
      <c r="O192" s="71"/>
      <c r="P192" s="71"/>
      <c r="Q192" s="71"/>
      <c r="R192" s="71"/>
      <c r="S192" s="71"/>
      <c r="T192" s="71"/>
      <c r="U192" s="71"/>
      <c r="V192" s="71"/>
      <c r="W192" s="71"/>
      <c r="X192" s="71"/>
      <c r="Y192" s="71"/>
    </row>
    <row r="193" spans="1:25" s="32" customFormat="1" ht="47.25" customHeight="1" x14ac:dyDescent="0.15">
      <c r="A193" s="31"/>
      <c r="D193" s="33" t="s">
        <v>341</v>
      </c>
      <c r="E193" s="36" t="s">
        <v>432</v>
      </c>
      <c r="F193" s="51" t="s">
        <v>434</v>
      </c>
      <c r="G193" s="51" t="s">
        <v>435</v>
      </c>
      <c r="H193" s="37" t="s">
        <v>425</v>
      </c>
      <c r="I193" s="35" t="s">
        <v>344</v>
      </c>
    </row>
    <row r="194" spans="1:25" x14ac:dyDescent="0.2">
      <c r="B194" s="5"/>
      <c r="C194" s="40" t="s">
        <v>38</v>
      </c>
      <c r="D194" s="41">
        <v>4307</v>
      </c>
      <c r="E194" s="42">
        <v>66.099999999999994</v>
      </c>
      <c r="F194" s="42">
        <v>23.7</v>
      </c>
      <c r="G194" s="42">
        <v>6.1</v>
      </c>
      <c r="H194" s="43">
        <v>4.0999999999999996</v>
      </c>
    </row>
    <row r="195" spans="1:25" x14ac:dyDescent="0.2">
      <c r="B195" s="72" t="s">
        <v>37</v>
      </c>
      <c r="C195" s="38" t="s">
        <v>39</v>
      </c>
      <c r="D195" s="44">
        <v>1325</v>
      </c>
      <c r="E195" s="45">
        <v>66.599999999999994</v>
      </c>
      <c r="F195" s="45">
        <v>22.4</v>
      </c>
      <c r="G195" s="45">
        <v>6.5</v>
      </c>
      <c r="H195" s="46">
        <v>4.5</v>
      </c>
    </row>
    <row r="196" spans="1:25" x14ac:dyDescent="0.2">
      <c r="B196" s="72"/>
      <c r="C196" s="38" t="s">
        <v>40</v>
      </c>
      <c r="D196" s="44">
        <v>675</v>
      </c>
      <c r="E196" s="45">
        <v>63.9</v>
      </c>
      <c r="F196" s="45">
        <v>27.3</v>
      </c>
      <c r="G196" s="45">
        <v>5</v>
      </c>
      <c r="H196" s="46">
        <v>3.9</v>
      </c>
    </row>
    <row r="197" spans="1:25" x14ac:dyDescent="0.2">
      <c r="B197" s="72"/>
      <c r="C197" s="38" t="s">
        <v>41</v>
      </c>
      <c r="D197" s="44">
        <v>168</v>
      </c>
      <c r="E197" s="45">
        <v>63.7</v>
      </c>
      <c r="F197" s="45">
        <v>22.6</v>
      </c>
      <c r="G197" s="45">
        <v>6.5</v>
      </c>
      <c r="H197" s="46">
        <v>7.1</v>
      </c>
    </row>
    <row r="198" spans="1:25" x14ac:dyDescent="0.2">
      <c r="B198" s="72"/>
      <c r="C198" s="38" t="s">
        <v>42</v>
      </c>
      <c r="D198" s="44">
        <v>290</v>
      </c>
      <c r="E198" s="45">
        <v>68.599999999999994</v>
      </c>
      <c r="F198" s="45">
        <v>21.4</v>
      </c>
      <c r="G198" s="45">
        <v>6.9</v>
      </c>
      <c r="H198" s="46">
        <v>3.1</v>
      </c>
    </row>
    <row r="199" spans="1:25" x14ac:dyDescent="0.2">
      <c r="B199" s="72"/>
      <c r="C199" s="38" t="s">
        <v>43</v>
      </c>
      <c r="D199" s="44">
        <v>231</v>
      </c>
      <c r="E199" s="45">
        <v>65.400000000000006</v>
      </c>
      <c r="F199" s="45">
        <v>25.1</v>
      </c>
      <c r="G199" s="45">
        <v>4.3</v>
      </c>
      <c r="H199" s="46">
        <v>5.2</v>
      </c>
    </row>
    <row r="200" spans="1:25" x14ac:dyDescent="0.2">
      <c r="B200" s="72"/>
      <c r="C200" s="38" t="s">
        <v>44</v>
      </c>
      <c r="D200" s="44">
        <v>800</v>
      </c>
      <c r="E200" s="45">
        <v>67</v>
      </c>
      <c r="F200" s="45">
        <v>23.4</v>
      </c>
      <c r="G200" s="45">
        <v>5.4</v>
      </c>
      <c r="H200" s="46">
        <v>4.3</v>
      </c>
    </row>
    <row r="201" spans="1:25" x14ac:dyDescent="0.2">
      <c r="B201" s="72"/>
      <c r="C201" s="38" t="s">
        <v>45</v>
      </c>
      <c r="D201" s="44">
        <v>240</v>
      </c>
      <c r="E201" s="45">
        <v>67.5</v>
      </c>
      <c r="F201" s="45">
        <v>24.2</v>
      </c>
      <c r="G201" s="45">
        <v>5.4</v>
      </c>
      <c r="H201" s="46">
        <v>2.9</v>
      </c>
    </row>
    <row r="202" spans="1:25" x14ac:dyDescent="0.2">
      <c r="B202" s="72"/>
      <c r="C202" s="38" t="s">
        <v>46</v>
      </c>
      <c r="D202" s="44">
        <v>117</v>
      </c>
      <c r="E202" s="45">
        <v>69.2</v>
      </c>
      <c r="F202" s="45">
        <v>17.899999999999999</v>
      </c>
      <c r="G202" s="45">
        <v>8.5</v>
      </c>
      <c r="H202" s="46">
        <v>4.3</v>
      </c>
    </row>
    <row r="203" spans="1:25" x14ac:dyDescent="0.2">
      <c r="B203" s="72"/>
      <c r="C203" s="38" t="s">
        <v>47</v>
      </c>
      <c r="D203" s="44">
        <v>461</v>
      </c>
      <c r="E203" s="45">
        <v>64.900000000000006</v>
      </c>
      <c r="F203" s="45">
        <v>25.2</v>
      </c>
      <c r="G203" s="45">
        <v>7.4</v>
      </c>
      <c r="H203" s="46">
        <v>2.6</v>
      </c>
    </row>
    <row r="204" spans="1:25" ht="21.6" x14ac:dyDescent="0.2">
      <c r="B204" s="72"/>
      <c r="C204" s="39" t="s">
        <v>48</v>
      </c>
      <c r="D204" s="47">
        <v>2307</v>
      </c>
      <c r="E204" s="48">
        <v>66.5</v>
      </c>
      <c r="F204" s="48">
        <v>23.4</v>
      </c>
      <c r="G204" s="48">
        <v>6.1</v>
      </c>
      <c r="H204" s="49">
        <v>3.9</v>
      </c>
    </row>
    <row r="206" spans="1:25" x14ac:dyDescent="0.2">
      <c r="A206" s="26" t="s">
        <v>25</v>
      </c>
      <c r="B206" t="s">
        <v>35</v>
      </c>
      <c r="C206" t="s">
        <v>35</v>
      </c>
    </row>
    <row r="207" spans="1:25" x14ac:dyDescent="0.2">
      <c r="B207" s="70" t="s">
        <v>63</v>
      </c>
      <c r="C207" s="71"/>
      <c r="D207" s="71"/>
      <c r="E207" s="71"/>
      <c r="F207" s="71"/>
      <c r="G207" s="71"/>
      <c r="H207" s="71"/>
      <c r="I207" s="71"/>
      <c r="J207" s="71"/>
      <c r="K207" s="71"/>
      <c r="L207" s="71"/>
      <c r="M207" s="71"/>
      <c r="N207" s="71"/>
      <c r="O207" s="71"/>
      <c r="P207" s="71"/>
      <c r="Q207" s="71"/>
      <c r="R207" s="71"/>
      <c r="S207" s="71"/>
      <c r="T207" s="71"/>
      <c r="U207" s="71"/>
      <c r="V207" s="71"/>
      <c r="W207" s="71"/>
      <c r="X207" s="71"/>
      <c r="Y207" s="71"/>
    </row>
    <row r="208" spans="1:25" s="32" customFormat="1" ht="79.650000000000006" customHeight="1" x14ac:dyDescent="0.15">
      <c r="A208" s="31"/>
      <c r="D208" s="33" t="s">
        <v>341</v>
      </c>
      <c r="E208" s="36" t="s">
        <v>436</v>
      </c>
      <c r="F208" s="51" t="s">
        <v>437</v>
      </c>
      <c r="G208" s="51" t="s">
        <v>438</v>
      </c>
      <c r="H208" s="51" t="s">
        <v>439</v>
      </c>
      <c r="I208" s="51" t="s">
        <v>440</v>
      </c>
      <c r="J208" s="51" t="s">
        <v>441</v>
      </c>
      <c r="K208" s="51" t="s">
        <v>442</v>
      </c>
      <c r="L208" s="37" t="s">
        <v>443</v>
      </c>
      <c r="M208" s="35" t="s">
        <v>344</v>
      </c>
    </row>
    <row r="209" spans="1:25" x14ac:dyDescent="0.2">
      <c r="B209" s="5"/>
      <c r="C209" s="40" t="s">
        <v>38</v>
      </c>
      <c r="D209" s="41">
        <v>4307</v>
      </c>
      <c r="E209" s="42">
        <v>58.3</v>
      </c>
      <c r="F209" s="42">
        <v>0.7</v>
      </c>
      <c r="G209" s="42">
        <v>6.1</v>
      </c>
      <c r="H209" s="42">
        <v>6.2</v>
      </c>
      <c r="I209" s="42">
        <v>4.9000000000000004</v>
      </c>
      <c r="J209" s="42">
        <v>3.3</v>
      </c>
      <c r="K209" s="42">
        <v>16.5</v>
      </c>
      <c r="L209" s="43">
        <v>4</v>
      </c>
    </row>
    <row r="210" spans="1:25" x14ac:dyDescent="0.2">
      <c r="B210" s="72" t="s">
        <v>37</v>
      </c>
      <c r="C210" s="38" t="s">
        <v>39</v>
      </c>
      <c r="D210" s="44">
        <v>1325</v>
      </c>
      <c r="E210" s="45">
        <v>57.9</v>
      </c>
      <c r="F210" s="45">
        <v>0.5</v>
      </c>
      <c r="G210" s="45">
        <v>6.9</v>
      </c>
      <c r="H210" s="45">
        <v>5.8</v>
      </c>
      <c r="I210" s="45">
        <v>5</v>
      </c>
      <c r="J210" s="45">
        <v>3.4</v>
      </c>
      <c r="K210" s="45">
        <v>16.7</v>
      </c>
      <c r="L210" s="46">
        <v>3.8</v>
      </c>
    </row>
    <row r="211" spans="1:25" x14ac:dyDescent="0.2">
      <c r="B211" s="72"/>
      <c r="C211" s="38" t="s">
        <v>40</v>
      </c>
      <c r="D211" s="44">
        <v>675</v>
      </c>
      <c r="E211" s="45">
        <v>56.4</v>
      </c>
      <c r="F211" s="45">
        <v>0.4</v>
      </c>
      <c r="G211" s="45">
        <v>6.7</v>
      </c>
      <c r="H211" s="45">
        <v>6.5</v>
      </c>
      <c r="I211" s="45">
        <v>5</v>
      </c>
      <c r="J211" s="45">
        <v>3.1</v>
      </c>
      <c r="K211" s="45">
        <v>17.2</v>
      </c>
      <c r="L211" s="46">
        <v>4.5999999999999996</v>
      </c>
    </row>
    <row r="212" spans="1:25" x14ac:dyDescent="0.2">
      <c r="B212" s="72"/>
      <c r="C212" s="38" t="s">
        <v>41</v>
      </c>
      <c r="D212" s="44">
        <v>168</v>
      </c>
      <c r="E212" s="45">
        <v>62.5</v>
      </c>
      <c r="F212" s="45">
        <v>1.8</v>
      </c>
      <c r="G212" s="45">
        <v>6</v>
      </c>
      <c r="H212" s="45">
        <v>4.2</v>
      </c>
      <c r="I212" s="45">
        <v>4.2</v>
      </c>
      <c r="J212" s="45">
        <v>4.8</v>
      </c>
      <c r="K212" s="45">
        <v>14.9</v>
      </c>
      <c r="L212" s="46">
        <v>1.8</v>
      </c>
    </row>
    <row r="213" spans="1:25" x14ac:dyDescent="0.2">
      <c r="B213" s="72"/>
      <c r="C213" s="38" t="s">
        <v>42</v>
      </c>
      <c r="D213" s="44">
        <v>290</v>
      </c>
      <c r="E213" s="45">
        <v>59</v>
      </c>
      <c r="F213" s="45">
        <v>0.7</v>
      </c>
      <c r="G213" s="45">
        <v>6.2</v>
      </c>
      <c r="H213" s="45">
        <v>7.2</v>
      </c>
      <c r="I213" s="45">
        <v>4.5</v>
      </c>
      <c r="J213" s="45">
        <v>2.1</v>
      </c>
      <c r="K213" s="45">
        <v>18.3</v>
      </c>
      <c r="L213" s="46">
        <v>2.1</v>
      </c>
    </row>
    <row r="214" spans="1:25" x14ac:dyDescent="0.2">
      <c r="B214" s="72"/>
      <c r="C214" s="38" t="s">
        <v>43</v>
      </c>
      <c r="D214" s="44">
        <v>231</v>
      </c>
      <c r="E214" s="45">
        <v>61</v>
      </c>
      <c r="F214" s="45">
        <v>0.4</v>
      </c>
      <c r="G214" s="45">
        <v>4.3</v>
      </c>
      <c r="H214" s="45">
        <v>6.9</v>
      </c>
      <c r="I214" s="45">
        <v>3.5</v>
      </c>
      <c r="J214" s="45">
        <v>3.5</v>
      </c>
      <c r="K214" s="45">
        <v>15.6</v>
      </c>
      <c r="L214" s="46">
        <v>4.8</v>
      </c>
    </row>
    <row r="215" spans="1:25" x14ac:dyDescent="0.2">
      <c r="B215" s="72"/>
      <c r="C215" s="38" t="s">
        <v>44</v>
      </c>
      <c r="D215" s="44">
        <v>800</v>
      </c>
      <c r="E215" s="45">
        <v>60.3</v>
      </c>
      <c r="F215" s="45">
        <v>1.3</v>
      </c>
      <c r="G215" s="45">
        <v>5.8</v>
      </c>
      <c r="H215" s="45">
        <v>5.5</v>
      </c>
      <c r="I215" s="45">
        <v>5.3</v>
      </c>
      <c r="J215" s="45">
        <v>3.3</v>
      </c>
      <c r="K215" s="45">
        <v>14.8</v>
      </c>
      <c r="L215" s="46">
        <v>4</v>
      </c>
    </row>
    <row r="216" spans="1:25" x14ac:dyDescent="0.2">
      <c r="B216" s="72"/>
      <c r="C216" s="38" t="s">
        <v>45</v>
      </c>
      <c r="D216" s="44">
        <v>240</v>
      </c>
      <c r="E216" s="45">
        <v>55.4</v>
      </c>
      <c r="F216" s="45">
        <v>1.3</v>
      </c>
      <c r="G216" s="45">
        <v>6.7</v>
      </c>
      <c r="H216" s="45">
        <v>9.1999999999999993</v>
      </c>
      <c r="I216" s="45">
        <v>2.9</v>
      </c>
      <c r="J216" s="45">
        <v>4.2</v>
      </c>
      <c r="K216" s="45">
        <v>16.7</v>
      </c>
      <c r="L216" s="46">
        <v>3.8</v>
      </c>
    </row>
    <row r="217" spans="1:25" x14ac:dyDescent="0.2">
      <c r="B217" s="72"/>
      <c r="C217" s="38" t="s">
        <v>46</v>
      </c>
      <c r="D217" s="44">
        <v>117</v>
      </c>
      <c r="E217" s="45">
        <v>58.1</v>
      </c>
      <c r="F217" s="45">
        <v>0</v>
      </c>
      <c r="G217" s="45">
        <v>7.7</v>
      </c>
      <c r="H217" s="45">
        <v>6</v>
      </c>
      <c r="I217" s="45">
        <v>6</v>
      </c>
      <c r="J217" s="45">
        <v>4.3</v>
      </c>
      <c r="K217" s="45">
        <v>15.4</v>
      </c>
      <c r="L217" s="46">
        <v>2.6</v>
      </c>
    </row>
    <row r="218" spans="1:25" x14ac:dyDescent="0.2">
      <c r="B218" s="72"/>
      <c r="C218" s="38" t="s">
        <v>47</v>
      </c>
      <c r="D218" s="44">
        <v>461</v>
      </c>
      <c r="E218" s="45">
        <v>57.5</v>
      </c>
      <c r="F218" s="45">
        <v>0.2</v>
      </c>
      <c r="G218" s="45">
        <v>3.3</v>
      </c>
      <c r="H218" s="45">
        <v>5.9</v>
      </c>
      <c r="I218" s="45">
        <v>6.1</v>
      </c>
      <c r="J218" s="45">
        <v>3</v>
      </c>
      <c r="K218" s="45">
        <v>18.399999999999999</v>
      </c>
      <c r="L218" s="46">
        <v>5.6</v>
      </c>
    </row>
    <row r="219" spans="1:25" ht="21.6" x14ac:dyDescent="0.2">
      <c r="B219" s="72"/>
      <c r="C219" s="39" t="s">
        <v>48</v>
      </c>
      <c r="D219" s="47">
        <v>2307</v>
      </c>
      <c r="E219" s="48">
        <v>59.2</v>
      </c>
      <c r="F219" s="48">
        <v>0.9</v>
      </c>
      <c r="G219" s="48">
        <v>5.4</v>
      </c>
      <c r="H219" s="48">
        <v>6.2</v>
      </c>
      <c r="I219" s="48">
        <v>4.9000000000000004</v>
      </c>
      <c r="J219" s="48">
        <v>3.3</v>
      </c>
      <c r="K219" s="48">
        <v>16.3</v>
      </c>
      <c r="L219" s="49">
        <v>3.9</v>
      </c>
    </row>
    <row r="220" spans="1:25" x14ac:dyDescent="0.2">
      <c r="B220" s="7" t="s">
        <v>49</v>
      </c>
      <c r="C220" s="4" t="s">
        <v>64</v>
      </c>
    </row>
    <row r="221" spans="1:25" x14ac:dyDescent="0.2">
      <c r="B221" s="4"/>
      <c r="C221" s="4" t="s">
        <v>51</v>
      </c>
    </row>
    <row r="223" spans="1:25" x14ac:dyDescent="0.2">
      <c r="A223" s="26" t="s">
        <v>25</v>
      </c>
      <c r="B223" t="s">
        <v>35</v>
      </c>
      <c r="C223" t="s">
        <v>35</v>
      </c>
    </row>
    <row r="224" spans="1:25" x14ac:dyDescent="0.2">
      <c r="B224" s="70" t="s">
        <v>65</v>
      </c>
      <c r="C224" s="71"/>
      <c r="D224" s="71"/>
      <c r="E224" s="71"/>
      <c r="F224" s="71"/>
      <c r="G224" s="71"/>
      <c r="H224" s="71"/>
      <c r="I224" s="71"/>
      <c r="J224" s="71"/>
      <c r="K224" s="71"/>
      <c r="L224" s="71"/>
      <c r="M224" s="71"/>
      <c r="N224" s="71"/>
      <c r="O224" s="71"/>
      <c r="P224" s="71"/>
      <c r="Q224" s="71"/>
      <c r="R224" s="71"/>
      <c r="S224" s="71"/>
      <c r="T224" s="71"/>
      <c r="U224" s="71"/>
      <c r="V224" s="71"/>
      <c r="W224" s="71"/>
      <c r="X224" s="71"/>
      <c r="Y224" s="71"/>
    </row>
    <row r="225" spans="1:25" s="32" customFormat="1" ht="79.650000000000006" customHeight="1" x14ac:dyDescent="0.15">
      <c r="A225" s="31"/>
      <c r="D225" s="33" t="s">
        <v>341</v>
      </c>
      <c r="E225" s="36" t="s">
        <v>436</v>
      </c>
      <c r="F225" s="51" t="s">
        <v>437</v>
      </c>
      <c r="G225" s="51" t="s">
        <v>444</v>
      </c>
      <c r="H225" s="51" t="s">
        <v>445</v>
      </c>
      <c r="I225" s="51" t="s">
        <v>442</v>
      </c>
      <c r="J225" s="37" t="s">
        <v>443</v>
      </c>
      <c r="K225" s="35" t="s">
        <v>344</v>
      </c>
    </row>
    <row r="226" spans="1:25" x14ac:dyDescent="0.2">
      <c r="B226" s="5"/>
      <c r="C226" s="40" t="s">
        <v>38</v>
      </c>
      <c r="D226" s="41">
        <v>4307</v>
      </c>
      <c r="E226" s="42">
        <v>58.3</v>
      </c>
      <c r="F226" s="42">
        <v>0.7</v>
      </c>
      <c r="G226" s="42">
        <v>12.2</v>
      </c>
      <c r="H226" s="42">
        <v>8.1999999999999993</v>
      </c>
      <c r="I226" s="42">
        <v>16.5</v>
      </c>
      <c r="J226" s="43">
        <v>4</v>
      </c>
    </row>
    <row r="227" spans="1:25" x14ac:dyDescent="0.2">
      <c r="B227" s="72" t="s">
        <v>37</v>
      </c>
      <c r="C227" s="38" t="s">
        <v>39</v>
      </c>
      <c r="D227" s="44">
        <v>1325</v>
      </c>
      <c r="E227" s="45">
        <v>57.9</v>
      </c>
      <c r="F227" s="45">
        <v>0.5</v>
      </c>
      <c r="G227" s="45">
        <v>12.8</v>
      </c>
      <c r="H227" s="45">
        <v>8.4</v>
      </c>
      <c r="I227" s="45">
        <v>16.7</v>
      </c>
      <c r="J227" s="46">
        <v>3.8</v>
      </c>
    </row>
    <row r="228" spans="1:25" x14ac:dyDescent="0.2">
      <c r="B228" s="72"/>
      <c r="C228" s="38" t="s">
        <v>40</v>
      </c>
      <c r="D228" s="44">
        <v>675</v>
      </c>
      <c r="E228" s="45">
        <v>56.4</v>
      </c>
      <c r="F228" s="45">
        <v>0.4</v>
      </c>
      <c r="G228" s="45">
        <v>13.2</v>
      </c>
      <c r="H228" s="45">
        <v>8.1</v>
      </c>
      <c r="I228" s="45">
        <v>17.2</v>
      </c>
      <c r="J228" s="46">
        <v>4.5999999999999996</v>
      </c>
    </row>
    <row r="229" spans="1:25" x14ac:dyDescent="0.2">
      <c r="B229" s="72"/>
      <c r="C229" s="38" t="s">
        <v>41</v>
      </c>
      <c r="D229" s="44">
        <v>168</v>
      </c>
      <c r="E229" s="45">
        <v>62.5</v>
      </c>
      <c r="F229" s="45">
        <v>1.8</v>
      </c>
      <c r="G229" s="45">
        <v>10.1</v>
      </c>
      <c r="H229" s="45">
        <v>8.9</v>
      </c>
      <c r="I229" s="45">
        <v>14.9</v>
      </c>
      <c r="J229" s="46">
        <v>1.8</v>
      </c>
    </row>
    <row r="230" spans="1:25" x14ac:dyDescent="0.2">
      <c r="B230" s="72"/>
      <c r="C230" s="38" t="s">
        <v>42</v>
      </c>
      <c r="D230" s="44">
        <v>290</v>
      </c>
      <c r="E230" s="45">
        <v>59</v>
      </c>
      <c r="F230" s="45">
        <v>0.7</v>
      </c>
      <c r="G230" s="45">
        <v>13.4</v>
      </c>
      <c r="H230" s="45">
        <v>6.6</v>
      </c>
      <c r="I230" s="45">
        <v>18.3</v>
      </c>
      <c r="J230" s="46">
        <v>2.1</v>
      </c>
    </row>
    <row r="231" spans="1:25" x14ac:dyDescent="0.2">
      <c r="B231" s="72"/>
      <c r="C231" s="38" t="s">
        <v>43</v>
      </c>
      <c r="D231" s="44">
        <v>231</v>
      </c>
      <c r="E231" s="45">
        <v>61</v>
      </c>
      <c r="F231" s="45">
        <v>0.4</v>
      </c>
      <c r="G231" s="45">
        <v>11.3</v>
      </c>
      <c r="H231" s="45">
        <v>6.9</v>
      </c>
      <c r="I231" s="45">
        <v>15.6</v>
      </c>
      <c r="J231" s="46">
        <v>4.8</v>
      </c>
    </row>
    <row r="232" spans="1:25" x14ac:dyDescent="0.2">
      <c r="B232" s="72"/>
      <c r="C232" s="38" t="s">
        <v>44</v>
      </c>
      <c r="D232" s="44">
        <v>800</v>
      </c>
      <c r="E232" s="45">
        <v>60.3</v>
      </c>
      <c r="F232" s="45">
        <v>1.3</v>
      </c>
      <c r="G232" s="45">
        <v>11.3</v>
      </c>
      <c r="H232" s="45">
        <v>8.5</v>
      </c>
      <c r="I232" s="45">
        <v>14.8</v>
      </c>
      <c r="J232" s="46">
        <v>4</v>
      </c>
    </row>
    <row r="233" spans="1:25" x14ac:dyDescent="0.2">
      <c r="B233" s="72"/>
      <c r="C233" s="38" t="s">
        <v>45</v>
      </c>
      <c r="D233" s="44">
        <v>240</v>
      </c>
      <c r="E233" s="45">
        <v>55.4</v>
      </c>
      <c r="F233" s="45">
        <v>1.3</v>
      </c>
      <c r="G233" s="45">
        <v>15.8</v>
      </c>
      <c r="H233" s="45">
        <v>7.1</v>
      </c>
      <c r="I233" s="45">
        <v>16.7</v>
      </c>
      <c r="J233" s="46">
        <v>3.8</v>
      </c>
    </row>
    <row r="234" spans="1:25" x14ac:dyDescent="0.2">
      <c r="B234" s="72"/>
      <c r="C234" s="38" t="s">
        <v>46</v>
      </c>
      <c r="D234" s="44">
        <v>117</v>
      </c>
      <c r="E234" s="45">
        <v>58.1</v>
      </c>
      <c r="F234" s="45">
        <v>0</v>
      </c>
      <c r="G234" s="45">
        <v>13.7</v>
      </c>
      <c r="H234" s="45">
        <v>10.3</v>
      </c>
      <c r="I234" s="45">
        <v>15.4</v>
      </c>
      <c r="J234" s="46">
        <v>2.6</v>
      </c>
    </row>
    <row r="235" spans="1:25" x14ac:dyDescent="0.2">
      <c r="B235" s="72"/>
      <c r="C235" s="38" t="s">
        <v>47</v>
      </c>
      <c r="D235" s="44">
        <v>461</v>
      </c>
      <c r="E235" s="45">
        <v>57.5</v>
      </c>
      <c r="F235" s="45">
        <v>0.2</v>
      </c>
      <c r="G235" s="45">
        <v>9.1</v>
      </c>
      <c r="H235" s="45">
        <v>9.1</v>
      </c>
      <c r="I235" s="45">
        <v>18.399999999999999</v>
      </c>
      <c r="J235" s="46">
        <v>5.6</v>
      </c>
    </row>
    <row r="236" spans="1:25" ht="21.6" x14ac:dyDescent="0.2">
      <c r="B236" s="72"/>
      <c r="C236" s="39" t="s">
        <v>48</v>
      </c>
      <c r="D236" s="47">
        <v>2307</v>
      </c>
      <c r="E236" s="48">
        <v>59.2</v>
      </c>
      <c r="F236" s="48">
        <v>0.9</v>
      </c>
      <c r="G236" s="48">
        <v>11.6</v>
      </c>
      <c r="H236" s="48">
        <v>8.1999999999999993</v>
      </c>
      <c r="I236" s="48">
        <v>16.3</v>
      </c>
      <c r="J236" s="49">
        <v>3.9</v>
      </c>
    </row>
    <row r="238" spans="1:25" x14ac:dyDescent="0.2">
      <c r="A238" s="26" t="s">
        <v>25</v>
      </c>
      <c r="B238" t="s">
        <v>35</v>
      </c>
      <c r="C238" t="s">
        <v>35</v>
      </c>
    </row>
    <row r="239" spans="1:25" x14ac:dyDescent="0.2">
      <c r="B239" s="70" t="s">
        <v>66</v>
      </c>
      <c r="C239" s="71"/>
      <c r="D239" s="71"/>
      <c r="E239" s="71"/>
      <c r="F239" s="71"/>
      <c r="G239" s="71"/>
      <c r="H239" s="71"/>
      <c r="I239" s="71"/>
      <c r="J239" s="71"/>
      <c r="K239" s="71"/>
      <c r="L239" s="71"/>
      <c r="M239" s="71"/>
      <c r="N239" s="71"/>
      <c r="O239" s="71"/>
      <c r="P239" s="71"/>
      <c r="Q239" s="71"/>
      <c r="R239" s="71"/>
      <c r="S239" s="71"/>
      <c r="T239" s="71"/>
      <c r="U239" s="71"/>
      <c r="V239" s="71"/>
      <c r="W239" s="71"/>
      <c r="X239" s="71"/>
      <c r="Y239" s="71"/>
    </row>
    <row r="240" spans="1:25" s="32" customFormat="1" ht="79.650000000000006" customHeight="1" x14ac:dyDescent="0.15">
      <c r="A240" s="31"/>
      <c r="D240" s="33" t="s">
        <v>341</v>
      </c>
      <c r="E240" s="36" t="s">
        <v>436</v>
      </c>
      <c r="F240" s="51" t="s">
        <v>446</v>
      </c>
      <c r="G240" s="51" t="s">
        <v>447</v>
      </c>
      <c r="H240" s="37" t="s">
        <v>443</v>
      </c>
      <c r="I240" s="35" t="s">
        <v>344</v>
      </c>
    </row>
    <row r="241" spans="1:25" x14ac:dyDescent="0.2">
      <c r="B241" s="5"/>
      <c r="C241" s="40" t="s">
        <v>38</v>
      </c>
      <c r="D241" s="41">
        <v>4307</v>
      </c>
      <c r="E241" s="42">
        <v>58.3</v>
      </c>
      <c r="F241" s="42">
        <v>12.9</v>
      </c>
      <c r="G241" s="42">
        <v>24.8</v>
      </c>
      <c r="H241" s="43">
        <v>4</v>
      </c>
    </row>
    <row r="242" spans="1:25" x14ac:dyDescent="0.2">
      <c r="B242" s="72" t="s">
        <v>37</v>
      </c>
      <c r="C242" s="38" t="s">
        <v>39</v>
      </c>
      <c r="D242" s="44">
        <v>1325</v>
      </c>
      <c r="E242" s="45">
        <v>57.9</v>
      </c>
      <c r="F242" s="45">
        <v>13.3</v>
      </c>
      <c r="G242" s="45">
        <v>25.1</v>
      </c>
      <c r="H242" s="46">
        <v>3.8</v>
      </c>
    </row>
    <row r="243" spans="1:25" x14ac:dyDescent="0.2">
      <c r="B243" s="72"/>
      <c r="C243" s="38" t="s">
        <v>40</v>
      </c>
      <c r="D243" s="44">
        <v>675</v>
      </c>
      <c r="E243" s="45">
        <v>56.4</v>
      </c>
      <c r="F243" s="45">
        <v>13.6</v>
      </c>
      <c r="G243" s="45">
        <v>25.3</v>
      </c>
      <c r="H243" s="46">
        <v>4.5999999999999996</v>
      </c>
    </row>
    <row r="244" spans="1:25" x14ac:dyDescent="0.2">
      <c r="B244" s="72"/>
      <c r="C244" s="38" t="s">
        <v>41</v>
      </c>
      <c r="D244" s="44">
        <v>168</v>
      </c>
      <c r="E244" s="45">
        <v>62.5</v>
      </c>
      <c r="F244" s="45">
        <v>11.9</v>
      </c>
      <c r="G244" s="45">
        <v>23.8</v>
      </c>
      <c r="H244" s="46">
        <v>1.8</v>
      </c>
    </row>
    <row r="245" spans="1:25" x14ac:dyDescent="0.2">
      <c r="B245" s="72"/>
      <c r="C245" s="38" t="s">
        <v>42</v>
      </c>
      <c r="D245" s="44">
        <v>290</v>
      </c>
      <c r="E245" s="45">
        <v>59</v>
      </c>
      <c r="F245" s="45">
        <v>14.1</v>
      </c>
      <c r="G245" s="45">
        <v>24.8</v>
      </c>
      <c r="H245" s="46">
        <v>2.1</v>
      </c>
    </row>
    <row r="246" spans="1:25" x14ac:dyDescent="0.2">
      <c r="B246" s="72"/>
      <c r="C246" s="38" t="s">
        <v>43</v>
      </c>
      <c r="D246" s="44">
        <v>231</v>
      </c>
      <c r="E246" s="45">
        <v>61</v>
      </c>
      <c r="F246" s="45">
        <v>11.7</v>
      </c>
      <c r="G246" s="45">
        <v>22.5</v>
      </c>
      <c r="H246" s="46">
        <v>4.8</v>
      </c>
    </row>
    <row r="247" spans="1:25" x14ac:dyDescent="0.2">
      <c r="B247" s="72"/>
      <c r="C247" s="38" t="s">
        <v>44</v>
      </c>
      <c r="D247" s="44">
        <v>800</v>
      </c>
      <c r="E247" s="45">
        <v>60.3</v>
      </c>
      <c r="F247" s="45">
        <v>12.5</v>
      </c>
      <c r="G247" s="45">
        <v>23.3</v>
      </c>
      <c r="H247" s="46">
        <v>4</v>
      </c>
    </row>
    <row r="248" spans="1:25" x14ac:dyDescent="0.2">
      <c r="B248" s="72"/>
      <c r="C248" s="38" t="s">
        <v>45</v>
      </c>
      <c r="D248" s="44">
        <v>240</v>
      </c>
      <c r="E248" s="45">
        <v>55.4</v>
      </c>
      <c r="F248" s="45">
        <v>17.100000000000001</v>
      </c>
      <c r="G248" s="45">
        <v>23.8</v>
      </c>
      <c r="H248" s="46">
        <v>3.8</v>
      </c>
    </row>
    <row r="249" spans="1:25" x14ac:dyDescent="0.2">
      <c r="B249" s="72"/>
      <c r="C249" s="38" t="s">
        <v>46</v>
      </c>
      <c r="D249" s="44">
        <v>117</v>
      </c>
      <c r="E249" s="45">
        <v>58.1</v>
      </c>
      <c r="F249" s="45">
        <v>13.7</v>
      </c>
      <c r="G249" s="45">
        <v>25.6</v>
      </c>
      <c r="H249" s="46">
        <v>2.6</v>
      </c>
    </row>
    <row r="250" spans="1:25" x14ac:dyDescent="0.2">
      <c r="B250" s="72"/>
      <c r="C250" s="38" t="s">
        <v>47</v>
      </c>
      <c r="D250" s="44">
        <v>461</v>
      </c>
      <c r="E250" s="45">
        <v>57.5</v>
      </c>
      <c r="F250" s="45">
        <v>9.3000000000000007</v>
      </c>
      <c r="G250" s="45">
        <v>27.5</v>
      </c>
      <c r="H250" s="46">
        <v>5.6</v>
      </c>
    </row>
    <row r="251" spans="1:25" ht="21.6" x14ac:dyDescent="0.2">
      <c r="B251" s="72"/>
      <c r="C251" s="39" t="s">
        <v>48</v>
      </c>
      <c r="D251" s="47">
        <v>2307</v>
      </c>
      <c r="E251" s="48">
        <v>59.2</v>
      </c>
      <c r="F251" s="48">
        <v>12.5</v>
      </c>
      <c r="G251" s="48">
        <v>24.4</v>
      </c>
      <c r="H251" s="49">
        <v>3.9</v>
      </c>
    </row>
    <row r="253" spans="1:25" x14ac:dyDescent="0.2">
      <c r="A253" s="26" t="s">
        <v>25</v>
      </c>
      <c r="B253" t="s">
        <v>35</v>
      </c>
      <c r="C253" t="s">
        <v>35</v>
      </c>
    </row>
    <row r="254" spans="1:25" x14ac:dyDescent="0.2">
      <c r="B254" s="70" t="s">
        <v>67</v>
      </c>
      <c r="C254" s="71"/>
      <c r="D254" s="71"/>
      <c r="E254" s="71"/>
      <c r="F254" s="71"/>
      <c r="G254" s="71"/>
      <c r="H254" s="71"/>
      <c r="I254" s="71"/>
      <c r="J254" s="71"/>
      <c r="K254" s="71"/>
      <c r="L254" s="71"/>
      <c r="M254" s="71"/>
      <c r="N254" s="71"/>
      <c r="O254" s="71"/>
      <c r="P254" s="71"/>
      <c r="Q254" s="71"/>
      <c r="R254" s="71"/>
      <c r="S254" s="71"/>
      <c r="T254" s="71"/>
      <c r="U254" s="71"/>
      <c r="V254" s="71"/>
      <c r="W254" s="71"/>
      <c r="X254" s="71"/>
      <c r="Y254" s="71"/>
    </row>
    <row r="255" spans="1:25" s="32" customFormat="1" ht="58.05" customHeight="1" x14ac:dyDescent="0.15">
      <c r="A255" s="31"/>
      <c r="D255" s="33" t="s">
        <v>341</v>
      </c>
      <c r="E255" s="36" t="s">
        <v>448</v>
      </c>
      <c r="F255" s="51" t="s">
        <v>449</v>
      </c>
      <c r="G255" s="51" t="s">
        <v>450</v>
      </c>
      <c r="H255" s="51" t="s">
        <v>451</v>
      </c>
      <c r="I255" s="51" t="s">
        <v>452</v>
      </c>
      <c r="J255" s="51" t="s">
        <v>453</v>
      </c>
      <c r="K255" s="51" t="s">
        <v>454</v>
      </c>
      <c r="L255" s="51" t="s">
        <v>455</v>
      </c>
      <c r="M255" s="51" t="s">
        <v>456</v>
      </c>
      <c r="N255" s="51" t="s">
        <v>457</v>
      </c>
      <c r="O255" s="51" t="s">
        <v>458</v>
      </c>
      <c r="P255" s="51" t="s">
        <v>459</v>
      </c>
      <c r="Q255" s="51" t="s">
        <v>460</v>
      </c>
      <c r="R255" s="51" t="s">
        <v>461</v>
      </c>
      <c r="S255" s="51" t="s">
        <v>462</v>
      </c>
      <c r="T255" s="37" t="s">
        <v>443</v>
      </c>
      <c r="U255" s="35" t="s">
        <v>344</v>
      </c>
    </row>
    <row r="256" spans="1:25" x14ac:dyDescent="0.2">
      <c r="B256" s="5"/>
      <c r="C256" s="40" t="s">
        <v>38</v>
      </c>
      <c r="D256" s="41">
        <v>4307</v>
      </c>
      <c r="E256" s="42">
        <v>6</v>
      </c>
      <c r="F256" s="42">
        <v>24.8</v>
      </c>
      <c r="G256" s="42">
        <v>2</v>
      </c>
      <c r="H256" s="42">
        <v>7.4</v>
      </c>
      <c r="I256" s="42">
        <v>6.7</v>
      </c>
      <c r="J256" s="42">
        <v>14</v>
      </c>
      <c r="K256" s="42">
        <v>5.5</v>
      </c>
      <c r="L256" s="42">
        <v>1.9</v>
      </c>
      <c r="M256" s="42">
        <v>3.7</v>
      </c>
      <c r="N256" s="42">
        <v>8.4</v>
      </c>
      <c r="O256" s="42">
        <v>2.6</v>
      </c>
      <c r="P256" s="42">
        <v>1</v>
      </c>
      <c r="Q256" s="42">
        <v>16.100000000000001</v>
      </c>
      <c r="R256" s="42">
        <v>0</v>
      </c>
      <c r="S256" s="42">
        <v>0</v>
      </c>
      <c r="T256" s="43">
        <v>0</v>
      </c>
    </row>
    <row r="257" spans="1:25" x14ac:dyDescent="0.2">
      <c r="B257" s="72" t="s">
        <v>37</v>
      </c>
      <c r="C257" s="38" t="s">
        <v>39</v>
      </c>
      <c r="D257" s="44">
        <v>1325</v>
      </c>
      <c r="E257" s="45">
        <v>5.2</v>
      </c>
      <c r="F257" s="45">
        <v>20.5</v>
      </c>
      <c r="G257" s="45">
        <v>1.4</v>
      </c>
      <c r="H257" s="45">
        <v>12.3</v>
      </c>
      <c r="I257" s="45">
        <v>7.4</v>
      </c>
      <c r="J257" s="45">
        <v>11.4</v>
      </c>
      <c r="K257" s="45">
        <v>6.2</v>
      </c>
      <c r="L257" s="45">
        <v>3</v>
      </c>
      <c r="M257" s="45">
        <v>3.7</v>
      </c>
      <c r="N257" s="45">
        <v>7.5</v>
      </c>
      <c r="O257" s="45">
        <v>2.2999999999999998</v>
      </c>
      <c r="P257" s="45">
        <v>0.8</v>
      </c>
      <c r="Q257" s="45">
        <v>18.2</v>
      </c>
      <c r="R257" s="45">
        <v>0</v>
      </c>
      <c r="S257" s="45">
        <v>0</v>
      </c>
      <c r="T257" s="46">
        <v>0</v>
      </c>
    </row>
    <row r="258" spans="1:25" x14ac:dyDescent="0.2">
      <c r="B258" s="72"/>
      <c r="C258" s="38" t="s">
        <v>40</v>
      </c>
      <c r="D258" s="44">
        <v>675</v>
      </c>
      <c r="E258" s="45">
        <v>6.2</v>
      </c>
      <c r="F258" s="45">
        <v>26.5</v>
      </c>
      <c r="G258" s="45">
        <v>1.6</v>
      </c>
      <c r="H258" s="45">
        <v>5.2</v>
      </c>
      <c r="I258" s="45">
        <v>5.9</v>
      </c>
      <c r="J258" s="45">
        <v>14.5</v>
      </c>
      <c r="K258" s="45">
        <v>6.4</v>
      </c>
      <c r="L258" s="45">
        <v>2.4</v>
      </c>
      <c r="M258" s="45">
        <v>4.3</v>
      </c>
      <c r="N258" s="45">
        <v>8.6</v>
      </c>
      <c r="O258" s="45">
        <v>3</v>
      </c>
      <c r="P258" s="45">
        <v>1</v>
      </c>
      <c r="Q258" s="45">
        <v>14.4</v>
      </c>
      <c r="R258" s="45">
        <v>0</v>
      </c>
      <c r="S258" s="45">
        <v>0</v>
      </c>
      <c r="T258" s="46">
        <v>0</v>
      </c>
    </row>
    <row r="259" spans="1:25" x14ac:dyDescent="0.2">
      <c r="B259" s="72"/>
      <c r="C259" s="38" t="s">
        <v>41</v>
      </c>
      <c r="D259" s="44">
        <v>168</v>
      </c>
      <c r="E259" s="45">
        <v>8.3000000000000007</v>
      </c>
      <c r="F259" s="45">
        <v>14.3</v>
      </c>
      <c r="G259" s="45">
        <v>2.4</v>
      </c>
      <c r="H259" s="45">
        <v>10.1</v>
      </c>
      <c r="I259" s="45">
        <v>9.5</v>
      </c>
      <c r="J259" s="45">
        <v>17.899999999999999</v>
      </c>
      <c r="K259" s="45">
        <v>1.8</v>
      </c>
      <c r="L259" s="45">
        <v>1.8</v>
      </c>
      <c r="M259" s="45">
        <v>3.6</v>
      </c>
      <c r="N259" s="45">
        <v>10.7</v>
      </c>
      <c r="O259" s="45">
        <v>1.8</v>
      </c>
      <c r="P259" s="45">
        <v>1.8</v>
      </c>
      <c r="Q259" s="45">
        <v>16.100000000000001</v>
      </c>
      <c r="R259" s="45">
        <v>0</v>
      </c>
      <c r="S259" s="45">
        <v>0</v>
      </c>
      <c r="T259" s="46">
        <v>0</v>
      </c>
    </row>
    <row r="260" spans="1:25" x14ac:dyDescent="0.2">
      <c r="B260" s="72"/>
      <c r="C260" s="38" t="s">
        <v>42</v>
      </c>
      <c r="D260" s="44">
        <v>290</v>
      </c>
      <c r="E260" s="45">
        <v>8.3000000000000007</v>
      </c>
      <c r="F260" s="45">
        <v>27.9</v>
      </c>
      <c r="G260" s="45">
        <v>2.4</v>
      </c>
      <c r="H260" s="45">
        <v>4.8</v>
      </c>
      <c r="I260" s="45">
        <v>5.2</v>
      </c>
      <c r="J260" s="45">
        <v>14.5</v>
      </c>
      <c r="K260" s="45">
        <v>4.8</v>
      </c>
      <c r="L260" s="45">
        <v>0.7</v>
      </c>
      <c r="M260" s="45">
        <v>3.1</v>
      </c>
      <c r="N260" s="45">
        <v>9</v>
      </c>
      <c r="O260" s="45">
        <v>2.8</v>
      </c>
      <c r="P260" s="45">
        <v>0.3</v>
      </c>
      <c r="Q260" s="45">
        <v>16.2</v>
      </c>
      <c r="R260" s="45">
        <v>0</v>
      </c>
      <c r="S260" s="45">
        <v>0</v>
      </c>
      <c r="T260" s="46">
        <v>0</v>
      </c>
    </row>
    <row r="261" spans="1:25" x14ac:dyDescent="0.2">
      <c r="B261" s="72"/>
      <c r="C261" s="38" t="s">
        <v>43</v>
      </c>
      <c r="D261" s="44">
        <v>231</v>
      </c>
      <c r="E261" s="45">
        <v>3</v>
      </c>
      <c r="F261" s="45">
        <v>32.5</v>
      </c>
      <c r="G261" s="45">
        <v>3.9</v>
      </c>
      <c r="H261" s="45">
        <v>2.6</v>
      </c>
      <c r="I261" s="45">
        <v>8.1999999999999993</v>
      </c>
      <c r="J261" s="45">
        <v>13.9</v>
      </c>
      <c r="K261" s="45">
        <v>3.5</v>
      </c>
      <c r="L261" s="45">
        <v>0.4</v>
      </c>
      <c r="M261" s="45">
        <v>4.8</v>
      </c>
      <c r="N261" s="45">
        <v>8.6999999999999993</v>
      </c>
      <c r="O261" s="45">
        <v>1.7</v>
      </c>
      <c r="P261" s="45">
        <v>1.3</v>
      </c>
      <c r="Q261" s="45">
        <v>15.6</v>
      </c>
      <c r="R261" s="45">
        <v>0</v>
      </c>
      <c r="S261" s="45">
        <v>0</v>
      </c>
      <c r="T261" s="46">
        <v>0</v>
      </c>
    </row>
    <row r="262" spans="1:25" x14ac:dyDescent="0.2">
      <c r="B262" s="72"/>
      <c r="C262" s="38" t="s">
        <v>44</v>
      </c>
      <c r="D262" s="44">
        <v>800</v>
      </c>
      <c r="E262" s="45">
        <v>6.5</v>
      </c>
      <c r="F262" s="45">
        <v>32.4</v>
      </c>
      <c r="G262" s="45">
        <v>2.2999999999999998</v>
      </c>
      <c r="H262" s="45">
        <v>4.0999999999999996</v>
      </c>
      <c r="I262" s="45">
        <v>6.5</v>
      </c>
      <c r="J262" s="45">
        <v>16.399999999999999</v>
      </c>
      <c r="K262" s="45">
        <v>4.9000000000000004</v>
      </c>
      <c r="L262" s="45">
        <v>0.5</v>
      </c>
      <c r="M262" s="45">
        <v>3</v>
      </c>
      <c r="N262" s="45">
        <v>7.5</v>
      </c>
      <c r="O262" s="45">
        <v>2.9</v>
      </c>
      <c r="P262" s="45">
        <v>1</v>
      </c>
      <c r="Q262" s="45">
        <v>12.1</v>
      </c>
      <c r="R262" s="45">
        <v>0</v>
      </c>
      <c r="S262" s="45">
        <v>0</v>
      </c>
      <c r="T262" s="46">
        <v>0</v>
      </c>
    </row>
    <row r="263" spans="1:25" x14ac:dyDescent="0.2">
      <c r="B263" s="72"/>
      <c r="C263" s="38" t="s">
        <v>45</v>
      </c>
      <c r="D263" s="44">
        <v>240</v>
      </c>
      <c r="E263" s="45">
        <v>7.5</v>
      </c>
      <c r="F263" s="45">
        <v>22.1</v>
      </c>
      <c r="G263" s="45">
        <v>3.3</v>
      </c>
      <c r="H263" s="45">
        <v>2.9</v>
      </c>
      <c r="I263" s="45">
        <v>6.3</v>
      </c>
      <c r="J263" s="45">
        <v>16.7</v>
      </c>
      <c r="K263" s="45">
        <v>5.4</v>
      </c>
      <c r="L263" s="45">
        <v>3.8</v>
      </c>
      <c r="M263" s="45">
        <v>2.5</v>
      </c>
      <c r="N263" s="45">
        <v>11.3</v>
      </c>
      <c r="O263" s="45">
        <v>2.1</v>
      </c>
      <c r="P263" s="45">
        <v>0.8</v>
      </c>
      <c r="Q263" s="45">
        <v>15.4</v>
      </c>
      <c r="R263" s="45">
        <v>0</v>
      </c>
      <c r="S263" s="45">
        <v>0</v>
      </c>
      <c r="T263" s="46">
        <v>0</v>
      </c>
    </row>
    <row r="264" spans="1:25" x14ac:dyDescent="0.2">
      <c r="B264" s="72"/>
      <c r="C264" s="38" t="s">
        <v>46</v>
      </c>
      <c r="D264" s="44">
        <v>117</v>
      </c>
      <c r="E264" s="45">
        <v>4.3</v>
      </c>
      <c r="F264" s="45">
        <v>35</v>
      </c>
      <c r="G264" s="45">
        <v>0</v>
      </c>
      <c r="H264" s="45">
        <v>6.8</v>
      </c>
      <c r="I264" s="45">
        <v>3.4</v>
      </c>
      <c r="J264" s="45">
        <v>7.7</v>
      </c>
      <c r="K264" s="45">
        <v>6</v>
      </c>
      <c r="L264" s="45">
        <v>1.7</v>
      </c>
      <c r="M264" s="45">
        <v>2.6</v>
      </c>
      <c r="N264" s="45">
        <v>8.5</v>
      </c>
      <c r="O264" s="45">
        <v>1.7</v>
      </c>
      <c r="P264" s="45">
        <v>0.9</v>
      </c>
      <c r="Q264" s="45">
        <v>21.4</v>
      </c>
      <c r="R264" s="45">
        <v>0</v>
      </c>
      <c r="S264" s="45">
        <v>0</v>
      </c>
      <c r="T264" s="46">
        <v>0</v>
      </c>
    </row>
    <row r="265" spans="1:25" x14ac:dyDescent="0.2">
      <c r="B265" s="72"/>
      <c r="C265" s="38" t="s">
        <v>47</v>
      </c>
      <c r="D265" s="44">
        <v>461</v>
      </c>
      <c r="E265" s="45">
        <v>5.6</v>
      </c>
      <c r="F265" s="45">
        <v>18.899999999999999</v>
      </c>
      <c r="G265" s="45">
        <v>2.6</v>
      </c>
      <c r="H265" s="45">
        <v>7.4</v>
      </c>
      <c r="I265" s="45">
        <v>6.1</v>
      </c>
      <c r="J265" s="45">
        <v>15.2</v>
      </c>
      <c r="K265" s="45">
        <v>5.6</v>
      </c>
      <c r="L265" s="45">
        <v>0.7</v>
      </c>
      <c r="M265" s="45">
        <v>4.8</v>
      </c>
      <c r="N265" s="45">
        <v>9.3000000000000007</v>
      </c>
      <c r="O265" s="45">
        <v>3.7</v>
      </c>
      <c r="P265" s="45">
        <v>1.5</v>
      </c>
      <c r="Q265" s="45">
        <v>18.7</v>
      </c>
      <c r="R265" s="45">
        <v>0</v>
      </c>
      <c r="S265" s="45">
        <v>0</v>
      </c>
      <c r="T265" s="46">
        <v>0</v>
      </c>
    </row>
    <row r="266" spans="1:25" ht="21.6" x14ac:dyDescent="0.2">
      <c r="B266" s="72"/>
      <c r="C266" s="39" t="s">
        <v>48</v>
      </c>
      <c r="D266" s="47">
        <v>2307</v>
      </c>
      <c r="E266" s="48">
        <v>6.3</v>
      </c>
      <c r="F266" s="48">
        <v>26.9</v>
      </c>
      <c r="G266" s="48">
        <v>2.5</v>
      </c>
      <c r="H266" s="48">
        <v>5.2</v>
      </c>
      <c r="I266" s="48">
        <v>6.5</v>
      </c>
      <c r="J266" s="48">
        <v>15.3</v>
      </c>
      <c r="K266" s="48">
        <v>4.8</v>
      </c>
      <c r="L266" s="48">
        <v>1</v>
      </c>
      <c r="M266" s="48">
        <v>3.5</v>
      </c>
      <c r="N266" s="48">
        <v>8.8000000000000007</v>
      </c>
      <c r="O266" s="48">
        <v>2.7</v>
      </c>
      <c r="P266" s="48">
        <v>1.1000000000000001</v>
      </c>
      <c r="Q266" s="48">
        <v>15.4</v>
      </c>
      <c r="R266" s="48">
        <v>0</v>
      </c>
      <c r="S266" s="48">
        <v>0</v>
      </c>
      <c r="T266" s="49">
        <v>0</v>
      </c>
    </row>
    <row r="267" spans="1:25" x14ac:dyDescent="0.2">
      <c r="B267" s="7" t="s">
        <v>49</v>
      </c>
      <c r="C267" s="4" t="s">
        <v>68</v>
      </c>
    </row>
    <row r="268" spans="1:25" x14ac:dyDescent="0.2">
      <c r="B268" s="4"/>
      <c r="C268" s="4" t="s">
        <v>51</v>
      </c>
    </row>
    <row r="270" spans="1:25" x14ac:dyDescent="0.2">
      <c r="A270" s="26" t="s">
        <v>25</v>
      </c>
      <c r="B270" t="s">
        <v>35</v>
      </c>
      <c r="C270" t="s">
        <v>35</v>
      </c>
    </row>
    <row r="271" spans="1:25" x14ac:dyDescent="0.2">
      <c r="B271" s="70" t="s">
        <v>69</v>
      </c>
      <c r="C271" s="71"/>
      <c r="D271" s="71"/>
      <c r="E271" s="71"/>
      <c r="F271" s="71"/>
      <c r="G271" s="71"/>
      <c r="H271" s="71"/>
      <c r="I271" s="71"/>
      <c r="J271" s="71"/>
      <c r="K271" s="71"/>
      <c r="L271" s="71"/>
      <c r="M271" s="71"/>
      <c r="N271" s="71"/>
      <c r="O271" s="71"/>
      <c r="P271" s="71"/>
      <c r="Q271" s="71"/>
      <c r="R271" s="71"/>
      <c r="S271" s="71"/>
      <c r="T271" s="71"/>
      <c r="U271" s="71"/>
      <c r="V271" s="71"/>
      <c r="W271" s="71"/>
      <c r="X271" s="71"/>
      <c r="Y271" s="71"/>
    </row>
    <row r="272" spans="1:25" s="32" customFormat="1" ht="58.05" customHeight="1" x14ac:dyDescent="0.15">
      <c r="A272" s="31"/>
      <c r="D272" s="33" t="s">
        <v>341</v>
      </c>
      <c r="E272" s="36" t="s">
        <v>448</v>
      </c>
      <c r="F272" s="51" t="s">
        <v>449</v>
      </c>
      <c r="G272" s="51" t="s">
        <v>450</v>
      </c>
      <c r="H272" s="51" t="s">
        <v>463</v>
      </c>
      <c r="I272" s="51" t="s">
        <v>464</v>
      </c>
      <c r="J272" s="51" t="s">
        <v>465</v>
      </c>
      <c r="K272" s="37" t="s">
        <v>466</v>
      </c>
      <c r="L272" s="35" t="s">
        <v>344</v>
      </c>
    </row>
    <row r="273" spans="1:25" x14ac:dyDescent="0.2">
      <c r="B273" s="5"/>
      <c r="C273" s="40" t="s">
        <v>38</v>
      </c>
      <c r="D273" s="41">
        <v>4307</v>
      </c>
      <c r="E273" s="42">
        <v>6</v>
      </c>
      <c r="F273" s="42">
        <v>24.8</v>
      </c>
      <c r="G273" s="42">
        <v>2</v>
      </c>
      <c r="H273" s="42">
        <v>14</v>
      </c>
      <c r="I273" s="42">
        <v>17.7</v>
      </c>
      <c r="J273" s="42">
        <v>7.3</v>
      </c>
      <c r="K273" s="43">
        <v>28.1</v>
      </c>
    </row>
    <row r="274" spans="1:25" x14ac:dyDescent="0.2">
      <c r="B274" s="72" t="s">
        <v>37</v>
      </c>
      <c r="C274" s="38" t="s">
        <v>39</v>
      </c>
      <c r="D274" s="44">
        <v>1325</v>
      </c>
      <c r="E274" s="45">
        <v>5.2</v>
      </c>
      <c r="F274" s="45">
        <v>20.5</v>
      </c>
      <c r="G274" s="45">
        <v>1.4</v>
      </c>
      <c r="H274" s="45">
        <v>19.7</v>
      </c>
      <c r="I274" s="45">
        <v>15.1</v>
      </c>
      <c r="J274" s="45">
        <v>9.1999999999999993</v>
      </c>
      <c r="K274" s="46">
        <v>28.9</v>
      </c>
    </row>
    <row r="275" spans="1:25" x14ac:dyDescent="0.2">
      <c r="B275" s="72"/>
      <c r="C275" s="38" t="s">
        <v>40</v>
      </c>
      <c r="D275" s="44">
        <v>675</v>
      </c>
      <c r="E275" s="45">
        <v>6.2</v>
      </c>
      <c r="F275" s="45">
        <v>26.5</v>
      </c>
      <c r="G275" s="45">
        <v>1.6</v>
      </c>
      <c r="H275" s="45">
        <v>11.1</v>
      </c>
      <c r="I275" s="45">
        <v>18.8</v>
      </c>
      <c r="J275" s="45">
        <v>8.6999999999999993</v>
      </c>
      <c r="K275" s="46">
        <v>27</v>
      </c>
    </row>
    <row r="276" spans="1:25" x14ac:dyDescent="0.2">
      <c r="B276" s="72"/>
      <c r="C276" s="38" t="s">
        <v>41</v>
      </c>
      <c r="D276" s="44">
        <v>168</v>
      </c>
      <c r="E276" s="45">
        <v>8.3000000000000007</v>
      </c>
      <c r="F276" s="45">
        <v>14.3</v>
      </c>
      <c r="G276" s="45">
        <v>2.4</v>
      </c>
      <c r="H276" s="45">
        <v>19.600000000000001</v>
      </c>
      <c r="I276" s="45">
        <v>21.4</v>
      </c>
      <c r="J276" s="45">
        <v>3.6</v>
      </c>
      <c r="K276" s="46">
        <v>30.4</v>
      </c>
    </row>
    <row r="277" spans="1:25" x14ac:dyDescent="0.2">
      <c r="B277" s="72"/>
      <c r="C277" s="38" t="s">
        <v>42</v>
      </c>
      <c r="D277" s="44">
        <v>290</v>
      </c>
      <c r="E277" s="45">
        <v>8.3000000000000007</v>
      </c>
      <c r="F277" s="45">
        <v>27.9</v>
      </c>
      <c r="G277" s="45">
        <v>2.4</v>
      </c>
      <c r="H277" s="45">
        <v>10</v>
      </c>
      <c r="I277" s="45">
        <v>17.600000000000001</v>
      </c>
      <c r="J277" s="45">
        <v>5.5</v>
      </c>
      <c r="K277" s="46">
        <v>28.3</v>
      </c>
    </row>
    <row r="278" spans="1:25" x14ac:dyDescent="0.2">
      <c r="B278" s="72"/>
      <c r="C278" s="38" t="s">
        <v>43</v>
      </c>
      <c r="D278" s="44">
        <v>231</v>
      </c>
      <c r="E278" s="45">
        <v>3</v>
      </c>
      <c r="F278" s="45">
        <v>32.5</v>
      </c>
      <c r="G278" s="45">
        <v>3.9</v>
      </c>
      <c r="H278" s="45">
        <v>10.8</v>
      </c>
      <c r="I278" s="45">
        <v>18.600000000000001</v>
      </c>
      <c r="J278" s="45">
        <v>3.9</v>
      </c>
      <c r="K278" s="46">
        <v>27.3</v>
      </c>
    </row>
    <row r="279" spans="1:25" x14ac:dyDescent="0.2">
      <c r="B279" s="72"/>
      <c r="C279" s="38" t="s">
        <v>44</v>
      </c>
      <c r="D279" s="44">
        <v>800</v>
      </c>
      <c r="E279" s="45">
        <v>6.5</v>
      </c>
      <c r="F279" s="45">
        <v>32.4</v>
      </c>
      <c r="G279" s="45">
        <v>2.2999999999999998</v>
      </c>
      <c r="H279" s="45">
        <v>10.6</v>
      </c>
      <c r="I279" s="45">
        <v>19.399999999999999</v>
      </c>
      <c r="J279" s="45">
        <v>5.4</v>
      </c>
      <c r="K279" s="46">
        <v>23.5</v>
      </c>
    </row>
    <row r="280" spans="1:25" x14ac:dyDescent="0.2">
      <c r="B280" s="72"/>
      <c r="C280" s="38" t="s">
        <v>45</v>
      </c>
      <c r="D280" s="44">
        <v>240</v>
      </c>
      <c r="E280" s="45">
        <v>7.5</v>
      </c>
      <c r="F280" s="45">
        <v>22.1</v>
      </c>
      <c r="G280" s="45">
        <v>3.3</v>
      </c>
      <c r="H280" s="45">
        <v>9.1999999999999993</v>
      </c>
      <c r="I280" s="45">
        <v>19.2</v>
      </c>
      <c r="J280" s="45">
        <v>9.1999999999999993</v>
      </c>
      <c r="K280" s="46">
        <v>29.6</v>
      </c>
    </row>
    <row r="281" spans="1:25" x14ac:dyDescent="0.2">
      <c r="B281" s="72"/>
      <c r="C281" s="38" t="s">
        <v>46</v>
      </c>
      <c r="D281" s="44">
        <v>117</v>
      </c>
      <c r="E281" s="45">
        <v>4.3</v>
      </c>
      <c r="F281" s="45">
        <v>35</v>
      </c>
      <c r="G281" s="45">
        <v>0</v>
      </c>
      <c r="H281" s="45">
        <v>10.3</v>
      </c>
      <c r="I281" s="45">
        <v>10.3</v>
      </c>
      <c r="J281" s="45">
        <v>7.7</v>
      </c>
      <c r="K281" s="46">
        <v>32.5</v>
      </c>
    </row>
    <row r="282" spans="1:25" x14ac:dyDescent="0.2">
      <c r="B282" s="72"/>
      <c r="C282" s="38" t="s">
        <v>47</v>
      </c>
      <c r="D282" s="44">
        <v>461</v>
      </c>
      <c r="E282" s="45">
        <v>5.6</v>
      </c>
      <c r="F282" s="45">
        <v>18.899999999999999</v>
      </c>
      <c r="G282" s="45">
        <v>2.6</v>
      </c>
      <c r="H282" s="45">
        <v>13.4</v>
      </c>
      <c r="I282" s="45">
        <v>20</v>
      </c>
      <c r="J282" s="45">
        <v>6.3</v>
      </c>
      <c r="K282" s="46">
        <v>33.200000000000003</v>
      </c>
    </row>
    <row r="283" spans="1:25" ht="21.6" x14ac:dyDescent="0.2">
      <c r="B283" s="72"/>
      <c r="C283" s="39" t="s">
        <v>48</v>
      </c>
      <c r="D283" s="47">
        <v>2307</v>
      </c>
      <c r="E283" s="48">
        <v>6.3</v>
      </c>
      <c r="F283" s="48">
        <v>26.9</v>
      </c>
      <c r="G283" s="48">
        <v>2.5</v>
      </c>
      <c r="H283" s="48">
        <v>11.6</v>
      </c>
      <c r="I283" s="48">
        <v>18.899999999999999</v>
      </c>
      <c r="J283" s="48">
        <v>5.8</v>
      </c>
      <c r="K283" s="49">
        <v>28</v>
      </c>
    </row>
    <row r="285" spans="1:25" x14ac:dyDescent="0.2">
      <c r="A285" s="26" t="s">
        <v>25</v>
      </c>
      <c r="B285" t="s">
        <v>35</v>
      </c>
      <c r="C285" t="s">
        <v>35</v>
      </c>
    </row>
    <row r="286" spans="1:25" x14ac:dyDescent="0.2">
      <c r="B286" s="70" t="s">
        <v>70</v>
      </c>
      <c r="C286" s="71"/>
      <c r="D286" s="71"/>
      <c r="E286" s="71"/>
      <c r="F286" s="71"/>
      <c r="G286" s="71"/>
      <c r="H286" s="71"/>
      <c r="I286" s="71"/>
      <c r="J286" s="71"/>
      <c r="K286" s="71"/>
      <c r="L286" s="71"/>
      <c r="M286" s="71"/>
      <c r="N286" s="71"/>
      <c r="O286" s="71"/>
      <c r="P286" s="71"/>
      <c r="Q286" s="71"/>
      <c r="R286" s="71"/>
      <c r="S286" s="71"/>
      <c r="T286" s="71"/>
      <c r="U286" s="71"/>
      <c r="V286" s="71"/>
      <c r="W286" s="71"/>
      <c r="X286" s="71"/>
      <c r="Y286" s="71"/>
    </row>
    <row r="287" spans="1:25" s="32" customFormat="1" ht="36.450000000000003" customHeight="1" x14ac:dyDescent="0.15">
      <c r="A287" s="31"/>
      <c r="D287" s="33" t="s">
        <v>341</v>
      </c>
      <c r="E287" s="36" t="s">
        <v>449</v>
      </c>
      <c r="F287" s="37" t="s">
        <v>467</v>
      </c>
      <c r="G287" s="35" t="s">
        <v>344</v>
      </c>
    </row>
    <row r="288" spans="1:25" x14ac:dyDescent="0.2">
      <c r="B288" s="5"/>
      <c r="C288" s="40" t="s">
        <v>38</v>
      </c>
      <c r="D288" s="41">
        <v>4307</v>
      </c>
      <c r="E288" s="42">
        <v>24.8</v>
      </c>
      <c r="F288" s="43">
        <v>75.2</v>
      </c>
    </row>
    <row r="289" spans="1:25" x14ac:dyDescent="0.2">
      <c r="B289" s="72" t="s">
        <v>37</v>
      </c>
      <c r="C289" s="38" t="s">
        <v>39</v>
      </c>
      <c r="D289" s="44">
        <v>1325</v>
      </c>
      <c r="E289" s="45">
        <v>20.5</v>
      </c>
      <c r="F289" s="46">
        <v>79.5</v>
      </c>
    </row>
    <row r="290" spans="1:25" x14ac:dyDescent="0.2">
      <c r="B290" s="72"/>
      <c r="C290" s="38" t="s">
        <v>40</v>
      </c>
      <c r="D290" s="44">
        <v>675</v>
      </c>
      <c r="E290" s="45">
        <v>26.5</v>
      </c>
      <c r="F290" s="46">
        <v>73.5</v>
      </c>
    </row>
    <row r="291" spans="1:25" x14ac:dyDescent="0.2">
      <c r="B291" s="72"/>
      <c r="C291" s="38" t="s">
        <v>41</v>
      </c>
      <c r="D291" s="44">
        <v>168</v>
      </c>
      <c r="E291" s="45">
        <v>14.3</v>
      </c>
      <c r="F291" s="46">
        <v>85.7</v>
      </c>
    </row>
    <row r="292" spans="1:25" x14ac:dyDescent="0.2">
      <c r="B292" s="72"/>
      <c r="C292" s="38" t="s">
        <v>42</v>
      </c>
      <c r="D292" s="44">
        <v>290</v>
      </c>
      <c r="E292" s="45">
        <v>27.9</v>
      </c>
      <c r="F292" s="46">
        <v>72.099999999999994</v>
      </c>
    </row>
    <row r="293" spans="1:25" x14ac:dyDescent="0.2">
      <c r="B293" s="72"/>
      <c r="C293" s="38" t="s">
        <v>43</v>
      </c>
      <c r="D293" s="44">
        <v>231</v>
      </c>
      <c r="E293" s="45">
        <v>32.5</v>
      </c>
      <c r="F293" s="46">
        <v>67.5</v>
      </c>
    </row>
    <row r="294" spans="1:25" x14ac:dyDescent="0.2">
      <c r="B294" s="72"/>
      <c r="C294" s="38" t="s">
        <v>44</v>
      </c>
      <c r="D294" s="44">
        <v>800</v>
      </c>
      <c r="E294" s="45">
        <v>32.4</v>
      </c>
      <c r="F294" s="46">
        <v>67.599999999999994</v>
      </c>
    </row>
    <row r="295" spans="1:25" x14ac:dyDescent="0.2">
      <c r="B295" s="72"/>
      <c r="C295" s="38" t="s">
        <v>45</v>
      </c>
      <c r="D295" s="44">
        <v>240</v>
      </c>
      <c r="E295" s="45">
        <v>22.1</v>
      </c>
      <c r="F295" s="46">
        <v>77.900000000000006</v>
      </c>
    </row>
    <row r="296" spans="1:25" x14ac:dyDescent="0.2">
      <c r="B296" s="72"/>
      <c r="C296" s="38" t="s">
        <v>46</v>
      </c>
      <c r="D296" s="44">
        <v>117</v>
      </c>
      <c r="E296" s="45">
        <v>35</v>
      </c>
      <c r="F296" s="46">
        <v>65</v>
      </c>
    </row>
    <row r="297" spans="1:25" x14ac:dyDescent="0.2">
      <c r="B297" s="72"/>
      <c r="C297" s="38" t="s">
        <v>47</v>
      </c>
      <c r="D297" s="44">
        <v>461</v>
      </c>
      <c r="E297" s="45">
        <v>18.899999999999999</v>
      </c>
      <c r="F297" s="46">
        <v>81.099999999999994</v>
      </c>
    </row>
    <row r="298" spans="1:25" ht="21.6" x14ac:dyDescent="0.2">
      <c r="B298" s="72"/>
      <c r="C298" s="39" t="s">
        <v>48</v>
      </c>
      <c r="D298" s="47">
        <v>2307</v>
      </c>
      <c r="E298" s="48">
        <v>26.9</v>
      </c>
      <c r="F298" s="49">
        <v>73.099999999999994</v>
      </c>
    </row>
    <row r="300" spans="1:25" x14ac:dyDescent="0.2">
      <c r="A300" s="26" t="s">
        <v>25</v>
      </c>
      <c r="B300" t="s">
        <v>35</v>
      </c>
      <c r="C300" t="s">
        <v>35</v>
      </c>
    </row>
    <row r="301" spans="1:25" x14ac:dyDescent="0.2">
      <c r="B301" s="70" t="s">
        <v>71</v>
      </c>
      <c r="C301" s="71"/>
      <c r="D301" s="71"/>
      <c r="E301" s="71"/>
      <c r="F301" s="71"/>
      <c r="G301" s="71"/>
      <c r="H301" s="71"/>
      <c r="I301" s="71"/>
      <c r="J301" s="71"/>
      <c r="K301" s="71"/>
      <c r="L301" s="71"/>
      <c r="M301" s="71"/>
      <c r="N301" s="71"/>
      <c r="O301" s="71"/>
      <c r="P301" s="71"/>
      <c r="Q301" s="71"/>
      <c r="R301" s="71"/>
      <c r="S301" s="71"/>
      <c r="T301" s="71"/>
      <c r="U301" s="71"/>
      <c r="V301" s="71"/>
      <c r="W301" s="71"/>
      <c r="X301" s="71"/>
      <c r="Y301" s="71"/>
    </row>
    <row r="302" spans="1:25" s="32" customFormat="1" ht="79.650000000000006" customHeight="1" x14ac:dyDescent="0.15">
      <c r="A302" s="31"/>
      <c r="D302" s="33" t="s">
        <v>341</v>
      </c>
      <c r="E302" s="36" t="s">
        <v>468</v>
      </c>
      <c r="F302" s="51" t="s">
        <v>469</v>
      </c>
      <c r="G302" s="51" t="s">
        <v>470</v>
      </c>
      <c r="H302" s="51" t="s">
        <v>471</v>
      </c>
      <c r="I302" s="51" t="s">
        <v>472</v>
      </c>
      <c r="J302" s="51" t="s">
        <v>473</v>
      </c>
      <c r="K302" s="37" t="s">
        <v>443</v>
      </c>
      <c r="L302" s="35" t="s">
        <v>344</v>
      </c>
    </row>
    <row r="303" spans="1:25" x14ac:dyDescent="0.2">
      <c r="B303" s="5"/>
      <c r="C303" s="40" t="s">
        <v>38</v>
      </c>
      <c r="D303" s="41">
        <v>4307</v>
      </c>
      <c r="E303" s="42">
        <v>59.9</v>
      </c>
      <c r="F303" s="42">
        <v>21.8</v>
      </c>
      <c r="G303" s="42">
        <v>6.1</v>
      </c>
      <c r="H303" s="42">
        <v>5.9</v>
      </c>
      <c r="I303" s="42">
        <v>1.2</v>
      </c>
      <c r="J303" s="42">
        <v>4</v>
      </c>
      <c r="K303" s="43">
        <v>1</v>
      </c>
    </row>
    <row r="304" spans="1:25" x14ac:dyDescent="0.2">
      <c r="B304" s="72" t="s">
        <v>37</v>
      </c>
      <c r="C304" s="38" t="s">
        <v>39</v>
      </c>
      <c r="D304" s="44">
        <v>1325</v>
      </c>
      <c r="E304" s="45">
        <v>60.1</v>
      </c>
      <c r="F304" s="45">
        <v>21.4</v>
      </c>
      <c r="G304" s="45">
        <v>6.9</v>
      </c>
      <c r="H304" s="45">
        <v>5.4</v>
      </c>
      <c r="I304" s="45">
        <v>1.1000000000000001</v>
      </c>
      <c r="J304" s="45">
        <v>3.8</v>
      </c>
      <c r="K304" s="46">
        <v>1.4</v>
      </c>
    </row>
    <row r="305" spans="1:25" x14ac:dyDescent="0.2">
      <c r="B305" s="72"/>
      <c r="C305" s="38" t="s">
        <v>40</v>
      </c>
      <c r="D305" s="44">
        <v>675</v>
      </c>
      <c r="E305" s="45">
        <v>59.3</v>
      </c>
      <c r="F305" s="45">
        <v>21.6</v>
      </c>
      <c r="G305" s="45">
        <v>5.2</v>
      </c>
      <c r="H305" s="45">
        <v>5.3</v>
      </c>
      <c r="I305" s="45">
        <v>2.1</v>
      </c>
      <c r="J305" s="45">
        <v>5.9</v>
      </c>
      <c r="K305" s="46">
        <v>0.6</v>
      </c>
    </row>
    <row r="306" spans="1:25" x14ac:dyDescent="0.2">
      <c r="B306" s="72"/>
      <c r="C306" s="38" t="s">
        <v>41</v>
      </c>
      <c r="D306" s="44">
        <v>168</v>
      </c>
      <c r="E306" s="45">
        <v>55.4</v>
      </c>
      <c r="F306" s="45">
        <v>25</v>
      </c>
      <c r="G306" s="45">
        <v>6.5</v>
      </c>
      <c r="H306" s="45">
        <v>7.7</v>
      </c>
      <c r="I306" s="45">
        <v>1.8</v>
      </c>
      <c r="J306" s="45">
        <v>3</v>
      </c>
      <c r="K306" s="46">
        <v>0.6</v>
      </c>
    </row>
    <row r="307" spans="1:25" x14ac:dyDescent="0.2">
      <c r="B307" s="72"/>
      <c r="C307" s="38" t="s">
        <v>42</v>
      </c>
      <c r="D307" s="44">
        <v>290</v>
      </c>
      <c r="E307" s="45">
        <v>60.7</v>
      </c>
      <c r="F307" s="45">
        <v>21.7</v>
      </c>
      <c r="G307" s="45">
        <v>5.9</v>
      </c>
      <c r="H307" s="45">
        <v>5.9</v>
      </c>
      <c r="I307" s="45">
        <v>1</v>
      </c>
      <c r="J307" s="45">
        <v>4.5</v>
      </c>
      <c r="K307" s="46">
        <v>0.3</v>
      </c>
    </row>
    <row r="308" spans="1:25" x14ac:dyDescent="0.2">
      <c r="B308" s="72"/>
      <c r="C308" s="38" t="s">
        <v>43</v>
      </c>
      <c r="D308" s="44">
        <v>231</v>
      </c>
      <c r="E308" s="45">
        <v>58.9</v>
      </c>
      <c r="F308" s="45">
        <v>20.3</v>
      </c>
      <c r="G308" s="45">
        <v>6.5</v>
      </c>
      <c r="H308" s="45">
        <v>7.8</v>
      </c>
      <c r="I308" s="45">
        <v>1.3</v>
      </c>
      <c r="J308" s="45">
        <v>3.9</v>
      </c>
      <c r="K308" s="46">
        <v>1.3</v>
      </c>
    </row>
    <row r="309" spans="1:25" x14ac:dyDescent="0.2">
      <c r="B309" s="72"/>
      <c r="C309" s="38" t="s">
        <v>44</v>
      </c>
      <c r="D309" s="44">
        <v>800</v>
      </c>
      <c r="E309" s="45">
        <v>61.1</v>
      </c>
      <c r="F309" s="45">
        <v>22</v>
      </c>
      <c r="G309" s="45">
        <v>6</v>
      </c>
      <c r="H309" s="45">
        <v>6</v>
      </c>
      <c r="I309" s="45">
        <v>0.8</v>
      </c>
      <c r="J309" s="45">
        <v>2.9</v>
      </c>
      <c r="K309" s="46">
        <v>1.3</v>
      </c>
    </row>
    <row r="310" spans="1:25" x14ac:dyDescent="0.2">
      <c r="B310" s="72"/>
      <c r="C310" s="38" t="s">
        <v>45</v>
      </c>
      <c r="D310" s="44">
        <v>240</v>
      </c>
      <c r="E310" s="45">
        <v>61.7</v>
      </c>
      <c r="F310" s="45">
        <v>22.1</v>
      </c>
      <c r="G310" s="45">
        <v>5.4</v>
      </c>
      <c r="H310" s="45">
        <v>6.3</v>
      </c>
      <c r="I310" s="45">
        <v>0.8</v>
      </c>
      <c r="J310" s="45">
        <v>3.3</v>
      </c>
      <c r="K310" s="46">
        <v>0.4</v>
      </c>
    </row>
    <row r="311" spans="1:25" x14ac:dyDescent="0.2">
      <c r="B311" s="72"/>
      <c r="C311" s="38" t="s">
        <v>46</v>
      </c>
      <c r="D311" s="44">
        <v>117</v>
      </c>
      <c r="E311" s="45">
        <v>63.2</v>
      </c>
      <c r="F311" s="45">
        <v>20.5</v>
      </c>
      <c r="G311" s="45">
        <v>7.7</v>
      </c>
      <c r="H311" s="45">
        <v>5.0999999999999996</v>
      </c>
      <c r="I311" s="45">
        <v>0</v>
      </c>
      <c r="J311" s="45">
        <v>2.6</v>
      </c>
      <c r="K311" s="46">
        <v>0.9</v>
      </c>
    </row>
    <row r="312" spans="1:25" x14ac:dyDescent="0.2">
      <c r="B312" s="72"/>
      <c r="C312" s="38" t="s">
        <v>47</v>
      </c>
      <c r="D312" s="44">
        <v>461</v>
      </c>
      <c r="E312" s="45">
        <v>58.6</v>
      </c>
      <c r="F312" s="45">
        <v>23</v>
      </c>
      <c r="G312" s="45">
        <v>5</v>
      </c>
      <c r="H312" s="45">
        <v>5.9</v>
      </c>
      <c r="I312" s="45">
        <v>1.5</v>
      </c>
      <c r="J312" s="45">
        <v>5</v>
      </c>
      <c r="K312" s="46">
        <v>1.1000000000000001</v>
      </c>
    </row>
    <row r="313" spans="1:25" ht="21.6" x14ac:dyDescent="0.2">
      <c r="B313" s="72"/>
      <c r="C313" s="39" t="s">
        <v>48</v>
      </c>
      <c r="D313" s="47">
        <v>2307</v>
      </c>
      <c r="E313" s="48">
        <v>60.1</v>
      </c>
      <c r="F313" s="48">
        <v>22.1</v>
      </c>
      <c r="G313" s="48">
        <v>5.9</v>
      </c>
      <c r="H313" s="48">
        <v>6.2</v>
      </c>
      <c r="I313" s="48">
        <v>1</v>
      </c>
      <c r="J313" s="48">
        <v>3.6</v>
      </c>
      <c r="K313" s="49">
        <v>1</v>
      </c>
    </row>
    <row r="314" spans="1:25" x14ac:dyDescent="0.2">
      <c r="B314" s="7" t="s">
        <v>49</v>
      </c>
      <c r="C314" s="4" t="s">
        <v>72</v>
      </c>
    </row>
    <row r="315" spans="1:25" x14ac:dyDescent="0.2">
      <c r="B315" s="4"/>
      <c r="C315" s="4" t="s">
        <v>51</v>
      </c>
    </row>
    <row r="317" spans="1:25" x14ac:dyDescent="0.2">
      <c r="A317" s="26" t="s">
        <v>25</v>
      </c>
      <c r="B317" t="s">
        <v>35</v>
      </c>
      <c r="C317" t="s">
        <v>35</v>
      </c>
    </row>
    <row r="318" spans="1:25" x14ac:dyDescent="0.2">
      <c r="B318" s="70" t="s">
        <v>73</v>
      </c>
      <c r="C318" s="71"/>
      <c r="D318" s="71"/>
      <c r="E318" s="71"/>
      <c r="F318" s="71"/>
      <c r="G318" s="71"/>
      <c r="H318" s="71"/>
      <c r="I318" s="71"/>
      <c r="J318" s="71"/>
      <c r="K318" s="71"/>
      <c r="L318" s="71"/>
      <c r="M318" s="71"/>
      <c r="N318" s="71"/>
      <c r="O318" s="71"/>
      <c r="P318" s="71"/>
      <c r="Q318" s="71"/>
      <c r="R318" s="71"/>
      <c r="S318" s="71"/>
      <c r="T318" s="71"/>
      <c r="U318" s="71"/>
      <c r="V318" s="71"/>
      <c r="W318" s="71"/>
      <c r="X318" s="71"/>
      <c r="Y318" s="71"/>
    </row>
    <row r="319" spans="1:25" s="32" customFormat="1" ht="47.25" customHeight="1" x14ac:dyDescent="0.15">
      <c r="A319" s="31"/>
      <c r="D319" s="33" t="s">
        <v>341</v>
      </c>
      <c r="E319" s="36" t="s">
        <v>474</v>
      </c>
      <c r="F319" s="51" t="s">
        <v>475</v>
      </c>
      <c r="G319" s="51" t="s">
        <v>476</v>
      </c>
      <c r="H319" s="51" t="s">
        <v>477</v>
      </c>
      <c r="I319" s="37" t="s">
        <v>443</v>
      </c>
      <c r="J319" s="35" t="s">
        <v>344</v>
      </c>
    </row>
    <row r="320" spans="1:25" x14ac:dyDescent="0.2">
      <c r="B320" s="5"/>
      <c r="C320" s="40" t="s">
        <v>38</v>
      </c>
      <c r="D320" s="41">
        <v>4307</v>
      </c>
      <c r="E320" s="42">
        <v>81.8</v>
      </c>
      <c r="F320" s="42">
        <v>11.9</v>
      </c>
      <c r="G320" s="42">
        <v>1.2</v>
      </c>
      <c r="H320" s="42">
        <v>4</v>
      </c>
      <c r="I320" s="43">
        <v>1</v>
      </c>
    </row>
    <row r="321" spans="1:25" x14ac:dyDescent="0.2">
      <c r="B321" s="72" t="s">
        <v>37</v>
      </c>
      <c r="C321" s="38" t="s">
        <v>39</v>
      </c>
      <c r="D321" s="44">
        <v>1325</v>
      </c>
      <c r="E321" s="45">
        <v>81.400000000000006</v>
      </c>
      <c r="F321" s="45">
        <v>12.3</v>
      </c>
      <c r="G321" s="45">
        <v>1.1000000000000001</v>
      </c>
      <c r="H321" s="45">
        <v>3.8</v>
      </c>
      <c r="I321" s="46">
        <v>1.4</v>
      </c>
    </row>
    <row r="322" spans="1:25" x14ac:dyDescent="0.2">
      <c r="B322" s="72"/>
      <c r="C322" s="38" t="s">
        <v>40</v>
      </c>
      <c r="D322" s="44">
        <v>675</v>
      </c>
      <c r="E322" s="45">
        <v>80.900000000000006</v>
      </c>
      <c r="F322" s="45">
        <v>10.5</v>
      </c>
      <c r="G322" s="45">
        <v>2.1</v>
      </c>
      <c r="H322" s="45">
        <v>5.9</v>
      </c>
      <c r="I322" s="46">
        <v>0.6</v>
      </c>
    </row>
    <row r="323" spans="1:25" x14ac:dyDescent="0.2">
      <c r="B323" s="72"/>
      <c r="C323" s="38" t="s">
        <v>41</v>
      </c>
      <c r="D323" s="44">
        <v>168</v>
      </c>
      <c r="E323" s="45">
        <v>80.400000000000006</v>
      </c>
      <c r="F323" s="45">
        <v>14.3</v>
      </c>
      <c r="G323" s="45">
        <v>1.8</v>
      </c>
      <c r="H323" s="45">
        <v>3</v>
      </c>
      <c r="I323" s="46">
        <v>0.6</v>
      </c>
    </row>
    <row r="324" spans="1:25" x14ac:dyDescent="0.2">
      <c r="B324" s="72"/>
      <c r="C324" s="38" t="s">
        <v>42</v>
      </c>
      <c r="D324" s="44">
        <v>290</v>
      </c>
      <c r="E324" s="45">
        <v>82.4</v>
      </c>
      <c r="F324" s="45">
        <v>11.7</v>
      </c>
      <c r="G324" s="45">
        <v>1</v>
      </c>
      <c r="H324" s="45">
        <v>4.5</v>
      </c>
      <c r="I324" s="46">
        <v>0.3</v>
      </c>
    </row>
    <row r="325" spans="1:25" x14ac:dyDescent="0.2">
      <c r="B325" s="72"/>
      <c r="C325" s="38" t="s">
        <v>43</v>
      </c>
      <c r="D325" s="44">
        <v>231</v>
      </c>
      <c r="E325" s="45">
        <v>79.2</v>
      </c>
      <c r="F325" s="45">
        <v>14.3</v>
      </c>
      <c r="G325" s="45">
        <v>1.3</v>
      </c>
      <c r="H325" s="45">
        <v>3.9</v>
      </c>
      <c r="I325" s="46">
        <v>1.3</v>
      </c>
    </row>
    <row r="326" spans="1:25" x14ac:dyDescent="0.2">
      <c r="B326" s="72"/>
      <c r="C326" s="38" t="s">
        <v>44</v>
      </c>
      <c r="D326" s="44">
        <v>800</v>
      </c>
      <c r="E326" s="45">
        <v>83.1</v>
      </c>
      <c r="F326" s="45">
        <v>12</v>
      </c>
      <c r="G326" s="45">
        <v>0.8</v>
      </c>
      <c r="H326" s="45">
        <v>2.9</v>
      </c>
      <c r="I326" s="46">
        <v>1.3</v>
      </c>
    </row>
    <row r="327" spans="1:25" x14ac:dyDescent="0.2">
      <c r="B327" s="72"/>
      <c r="C327" s="38" t="s">
        <v>45</v>
      </c>
      <c r="D327" s="44">
        <v>240</v>
      </c>
      <c r="E327" s="45">
        <v>83.8</v>
      </c>
      <c r="F327" s="45">
        <v>11.7</v>
      </c>
      <c r="G327" s="45">
        <v>0.8</v>
      </c>
      <c r="H327" s="45">
        <v>3.3</v>
      </c>
      <c r="I327" s="46">
        <v>0.4</v>
      </c>
    </row>
    <row r="328" spans="1:25" x14ac:dyDescent="0.2">
      <c r="B328" s="72"/>
      <c r="C328" s="38" t="s">
        <v>46</v>
      </c>
      <c r="D328" s="44">
        <v>117</v>
      </c>
      <c r="E328" s="45">
        <v>83.8</v>
      </c>
      <c r="F328" s="45">
        <v>12.8</v>
      </c>
      <c r="G328" s="45">
        <v>0</v>
      </c>
      <c r="H328" s="45">
        <v>2.6</v>
      </c>
      <c r="I328" s="46">
        <v>0.9</v>
      </c>
    </row>
    <row r="329" spans="1:25" x14ac:dyDescent="0.2">
      <c r="B329" s="72"/>
      <c r="C329" s="38" t="s">
        <v>47</v>
      </c>
      <c r="D329" s="44">
        <v>461</v>
      </c>
      <c r="E329" s="45">
        <v>81.599999999999994</v>
      </c>
      <c r="F329" s="45">
        <v>10.8</v>
      </c>
      <c r="G329" s="45">
        <v>1.5</v>
      </c>
      <c r="H329" s="45">
        <v>5</v>
      </c>
      <c r="I329" s="46">
        <v>1.1000000000000001</v>
      </c>
    </row>
    <row r="330" spans="1:25" ht="21.6" x14ac:dyDescent="0.2">
      <c r="B330" s="72"/>
      <c r="C330" s="39" t="s">
        <v>48</v>
      </c>
      <c r="D330" s="47">
        <v>2307</v>
      </c>
      <c r="E330" s="48">
        <v>82.2</v>
      </c>
      <c r="F330" s="48">
        <v>12.1</v>
      </c>
      <c r="G330" s="48">
        <v>1</v>
      </c>
      <c r="H330" s="48">
        <v>3.6</v>
      </c>
      <c r="I330" s="49">
        <v>1</v>
      </c>
    </row>
    <row r="332" spans="1:25" x14ac:dyDescent="0.2">
      <c r="A332" s="26" t="s">
        <v>25</v>
      </c>
      <c r="B332" t="s">
        <v>35</v>
      </c>
      <c r="C332" t="s">
        <v>35</v>
      </c>
    </row>
    <row r="333" spans="1:25" x14ac:dyDescent="0.2">
      <c r="B333" s="70" t="s">
        <v>74</v>
      </c>
      <c r="C333" s="71"/>
      <c r="D333" s="71"/>
      <c r="E333" s="71"/>
      <c r="F333" s="71"/>
      <c r="G333" s="71"/>
      <c r="H333" s="71"/>
      <c r="I333" s="71"/>
      <c r="J333" s="71"/>
      <c r="K333" s="71"/>
      <c r="L333" s="71"/>
      <c r="M333" s="71"/>
      <c r="N333" s="71"/>
      <c r="O333" s="71"/>
      <c r="P333" s="71"/>
      <c r="Q333" s="71"/>
      <c r="R333" s="71"/>
      <c r="S333" s="71"/>
      <c r="T333" s="71"/>
      <c r="U333" s="71"/>
      <c r="V333" s="71"/>
      <c r="W333" s="71"/>
      <c r="X333" s="71"/>
      <c r="Y333" s="71"/>
    </row>
    <row r="334" spans="1:25" s="32" customFormat="1" ht="36.450000000000003" customHeight="1" x14ac:dyDescent="0.15">
      <c r="A334" s="31"/>
      <c r="D334" s="33" t="s">
        <v>341</v>
      </c>
      <c r="E334" s="36" t="s">
        <v>478</v>
      </c>
      <c r="F334" s="51" t="s">
        <v>479</v>
      </c>
      <c r="G334" s="51" t="s">
        <v>476</v>
      </c>
      <c r="H334" s="51" t="s">
        <v>477</v>
      </c>
      <c r="I334" s="37" t="s">
        <v>443</v>
      </c>
      <c r="J334" s="35" t="s">
        <v>344</v>
      </c>
    </row>
    <row r="335" spans="1:25" x14ac:dyDescent="0.2">
      <c r="B335" s="5"/>
      <c r="C335" s="40" t="s">
        <v>38</v>
      </c>
      <c r="D335" s="41">
        <v>4307</v>
      </c>
      <c r="E335" s="42">
        <v>66</v>
      </c>
      <c r="F335" s="42">
        <v>27.7</v>
      </c>
      <c r="G335" s="42">
        <v>1.2</v>
      </c>
      <c r="H335" s="42">
        <v>4</v>
      </c>
      <c r="I335" s="43">
        <v>1</v>
      </c>
    </row>
    <row r="336" spans="1:25" x14ac:dyDescent="0.2">
      <c r="B336" s="72" t="s">
        <v>37</v>
      </c>
      <c r="C336" s="38" t="s">
        <v>39</v>
      </c>
      <c r="D336" s="44">
        <v>1325</v>
      </c>
      <c r="E336" s="45">
        <v>66.900000000000006</v>
      </c>
      <c r="F336" s="45">
        <v>26.8</v>
      </c>
      <c r="G336" s="45">
        <v>1.1000000000000001</v>
      </c>
      <c r="H336" s="45">
        <v>3.8</v>
      </c>
      <c r="I336" s="46">
        <v>1.4</v>
      </c>
    </row>
    <row r="337" spans="1:25" x14ac:dyDescent="0.2">
      <c r="B337" s="72"/>
      <c r="C337" s="38" t="s">
        <v>40</v>
      </c>
      <c r="D337" s="44">
        <v>675</v>
      </c>
      <c r="E337" s="45">
        <v>64.400000000000006</v>
      </c>
      <c r="F337" s="45">
        <v>27</v>
      </c>
      <c r="G337" s="45">
        <v>2.1</v>
      </c>
      <c r="H337" s="45">
        <v>5.9</v>
      </c>
      <c r="I337" s="46">
        <v>0.6</v>
      </c>
    </row>
    <row r="338" spans="1:25" x14ac:dyDescent="0.2">
      <c r="B338" s="72"/>
      <c r="C338" s="38" t="s">
        <v>41</v>
      </c>
      <c r="D338" s="44">
        <v>168</v>
      </c>
      <c r="E338" s="45">
        <v>61.9</v>
      </c>
      <c r="F338" s="45">
        <v>32.700000000000003</v>
      </c>
      <c r="G338" s="45">
        <v>1.8</v>
      </c>
      <c r="H338" s="45">
        <v>3</v>
      </c>
      <c r="I338" s="46">
        <v>0.6</v>
      </c>
    </row>
    <row r="339" spans="1:25" x14ac:dyDescent="0.2">
      <c r="B339" s="72"/>
      <c r="C339" s="38" t="s">
        <v>42</v>
      </c>
      <c r="D339" s="44">
        <v>290</v>
      </c>
      <c r="E339" s="45">
        <v>66.599999999999994</v>
      </c>
      <c r="F339" s="45">
        <v>27.6</v>
      </c>
      <c r="G339" s="45">
        <v>1</v>
      </c>
      <c r="H339" s="45">
        <v>4.5</v>
      </c>
      <c r="I339" s="46">
        <v>0.3</v>
      </c>
    </row>
    <row r="340" spans="1:25" x14ac:dyDescent="0.2">
      <c r="B340" s="72"/>
      <c r="C340" s="38" t="s">
        <v>43</v>
      </c>
      <c r="D340" s="44">
        <v>231</v>
      </c>
      <c r="E340" s="45">
        <v>65.400000000000006</v>
      </c>
      <c r="F340" s="45">
        <v>28.1</v>
      </c>
      <c r="G340" s="45">
        <v>1.3</v>
      </c>
      <c r="H340" s="45">
        <v>3.9</v>
      </c>
      <c r="I340" s="46">
        <v>1.3</v>
      </c>
    </row>
    <row r="341" spans="1:25" x14ac:dyDescent="0.2">
      <c r="B341" s="72"/>
      <c r="C341" s="38" t="s">
        <v>44</v>
      </c>
      <c r="D341" s="44">
        <v>800</v>
      </c>
      <c r="E341" s="45">
        <v>67.099999999999994</v>
      </c>
      <c r="F341" s="45">
        <v>28</v>
      </c>
      <c r="G341" s="45">
        <v>0.8</v>
      </c>
      <c r="H341" s="45">
        <v>2.9</v>
      </c>
      <c r="I341" s="46">
        <v>1.3</v>
      </c>
    </row>
    <row r="342" spans="1:25" x14ac:dyDescent="0.2">
      <c r="B342" s="72"/>
      <c r="C342" s="38" t="s">
        <v>45</v>
      </c>
      <c r="D342" s="44">
        <v>240</v>
      </c>
      <c r="E342" s="45">
        <v>67.099999999999994</v>
      </c>
      <c r="F342" s="45">
        <v>28.3</v>
      </c>
      <c r="G342" s="45">
        <v>0.8</v>
      </c>
      <c r="H342" s="45">
        <v>3.3</v>
      </c>
      <c r="I342" s="46">
        <v>0.4</v>
      </c>
    </row>
    <row r="343" spans="1:25" x14ac:dyDescent="0.2">
      <c r="B343" s="72"/>
      <c r="C343" s="38" t="s">
        <v>46</v>
      </c>
      <c r="D343" s="44">
        <v>117</v>
      </c>
      <c r="E343" s="45">
        <v>70.900000000000006</v>
      </c>
      <c r="F343" s="45">
        <v>25.6</v>
      </c>
      <c r="G343" s="45">
        <v>0</v>
      </c>
      <c r="H343" s="45">
        <v>2.6</v>
      </c>
      <c r="I343" s="46">
        <v>0.9</v>
      </c>
    </row>
    <row r="344" spans="1:25" x14ac:dyDescent="0.2">
      <c r="B344" s="72"/>
      <c r="C344" s="38" t="s">
        <v>47</v>
      </c>
      <c r="D344" s="44">
        <v>461</v>
      </c>
      <c r="E344" s="45">
        <v>63.6</v>
      </c>
      <c r="F344" s="45">
        <v>28.9</v>
      </c>
      <c r="G344" s="45">
        <v>1.5</v>
      </c>
      <c r="H344" s="45">
        <v>5</v>
      </c>
      <c r="I344" s="46">
        <v>1.1000000000000001</v>
      </c>
    </row>
    <row r="345" spans="1:25" ht="21.6" x14ac:dyDescent="0.2">
      <c r="B345" s="72"/>
      <c r="C345" s="39" t="s">
        <v>48</v>
      </c>
      <c r="D345" s="47">
        <v>2307</v>
      </c>
      <c r="E345" s="48">
        <v>66</v>
      </c>
      <c r="F345" s="48">
        <v>28.4</v>
      </c>
      <c r="G345" s="48">
        <v>1</v>
      </c>
      <c r="H345" s="48">
        <v>3.6</v>
      </c>
      <c r="I345" s="49">
        <v>1</v>
      </c>
    </row>
    <row r="347" spans="1:25" x14ac:dyDescent="0.2">
      <c r="A347" s="26" t="s">
        <v>25</v>
      </c>
      <c r="B347" t="s">
        <v>35</v>
      </c>
      <c r="C347" t="s">
        <v>35</v>
      </c>
    </row>
    <row r="348" spans="1:25" x14ac:dyDescent="0.2">
      <c r="B348" s="70" t="s">
        <v>75</v>
      </c>
      <c r="C348" s="71"/>
      <c r="D348" s="71"/>
      <c r="E348" s="71"/>
      <c r="F348" s="71"/>
      <c r="G348" s="71"/>
      <c r="H348" s="71"/>
      <c r="I348" s="71"/>
      <c r="J348" s="71"/>
      <c r="K348" s="71"/>
      <c r="L348" s="71"/>
      <c r="M348" s="71"/>
      <c r="N348" s="71"/>
      <c r="O348" s="71"/>
      <c r="P348" s="71"/>
      <c r="Q348" s="71"/>
      <c r="R348" s="71"/>
      <c r="S348" s="71"/>
      <c r="T348" s="71"/>
      <c r="U348" s="71"/>
      <c r="V348" s="71"/>
      <c r="W348" s="71"/>
      <c r="X348" s="71"/>
      <c r="Y348" s="71"/>
    </row>
    <row r="349" spans="1:25" s="32" customFormat="1" ht="47.25" customHeight="1" x14ac:dyDescent="0.15">
      <c r="A349" s="31"/>
      <c r="D349" s="33" t="s">
        <v>341</v>
      </c>
      <c r="E349" s="36" t="s">
        <v>480</v>
      </c>
      <c r="F349" s="37" t="s">
        <v>481</v>
      </c>
      <c r="G349" s="35" t="s">
        <v>344</v>
      </c>
    </row>
    <row r="350" spans="1:25" x14ac:dyDescent="0.2">
      <c r="B350" s="5"/>
      <c r="C350" s="40" t="s">
        <v>38</v>
      </c>
      <c r="D350" s="41">
        <v>4307</v>
      </c>
      <c r="E350" s="42">
        <v>94.9</v>
      </c>
      <c r="F350" s="43">
        <v>5.0999999999999996</v>
      </c>
    </row>
    <row r="351" spans="1:25" x14ac:dyDescent="0.2">
      <c r="B351" s="72" t="s">
        <v>37</v>
      </c>
      <c r="C351" s="38" t="s">
        <v>39</v>
      </c>
      <c r="D351" s="44">
        <v>1325</v>
      </c>
      <c r="E351" s="45">
        <v>94.9</v>
      </c>
      <c r="F351" s="46">
        <v>5.0999999999999996</v>
      </c>
    </row>
    <row r="352" spans="1:25" x14ac:dyDescent="0.2">
      <c r="B352" s="72"/>
      <c r="C352" s="38" t="s">
        <v>40</v>
      </c>
      <c r="D352" s="44">
        <v>675</v>
      </c>
      <c r="E352" s="45">
        <v>93.5</v>
      </c>
      <c r="F352" s="46">
        <v>6.5</v>
      </c>
    </row>
    <row r="353" spans="1:25" x14ac:dyDescent="0.2">
      <c r="B353" s="72"/>
      <c r="C353" s="38" t="s">
        <v>41</v>
      </c>
      <c r="D353" s="44">
        <v>168</v>
      </c>
      <c r="E353" s="45">
        <v>96.4</v>
      </c>
      <c r="F353" s="46">
        <v>3.6</v>
      </c>
    </row>
    <row r="354" spans="1:25" x14ac:dyDescent="0.2">
      <c r="B354" s="72"/>
      <c r="C354" s="38" t="s">
        <v>42</v>
      </c>
      <c r="D354" s="44">
        <v>290</v>
      </c>
      <c r="E354" s="45">
        <v>95.2</v>
      </c>
      <c r="F354" s="46">
        <v>4.8</v>
      </c>
    </row>
    <row r="355" spans="1:25" x14ac:dyDescent="0.2">
      <c r="B355" s="72"/>
      <c r="C355" s="38" t="s">
        <v>43</v>
      </c>
      <c r="D355" s="44">
        <v>231</v>
      </c>
      <c r="E355" s="45">
        <v>94.8</v>
      </c>
      <c r="F355" s="46">
        <v>5.2</v>
      </c>
    </row>
    <row r="356" spans="1:25" x14ac:dyDescent="0.2">
      <c r="B356" s="72"/>
      <c r="C356" s="38" t="s">
        <v>44</v>
      </c>
      <c r="D356" s="44">
        <v>800</v>
      </c>
      <c r="E356" s="45">
        <v>95.9</v>
      </c>
      <c r="F356" s="46">
        <v>4.0999999999999996</v>
      </c>
    </row>
    <row r="357" spans="1:25" x14ac:dyDescent="0.2">
      <c r="B357" s="72"/>
      <c r="C357" s="38" t="s">
        <v>45</v>
      </c>
      <c r="D357" s="44">
        <v>240</v>
      </c>
      <c r="E357" s="45">
        <v>96.3</v>
      </c>
      <c r="F357" s="46">
        <v>3.8</v>
      </c>
    </row>
    <row r="358" spans="1:25" x14ac:dyDescent="0.2">
      <c r="B358" s="72"/>
      <c r="C358" s="38" t="s">
        <v>46</v>
      </c>
      <c r="D358" s="44">
        <v>117</v>
      </c>
      <c r="E358" s="45">
        <v>96.6</v>
      </c>
      <c r="F358" s="46">
        <v>3.4</v>
      </c>
    </row>
    <row r="359" spans="1:25" x14ac:dyDescent="0.2">
      <c r="B359" s="72"/>
      <c r="C359" s="38" t="s">
        <v>47</v>
      </c>
      <c r="D359" s="44">
        <v>461</v>
      </c>
      <c r="E359" s="45">
        <v>93.9</v>
      </c>
      <c r="F359" s="46">
        <v>6.1</v>
      </c>
    </row>
    <row r="360" spans="1:25" ht="21.6" x14ac:dyDescent="0.2">
      <c r="B360" s="72"/>
      <c r="C360" s="39" t="s">
        <v>48</v>
      </c>
      <c r="D360" s="47">
        <v>2307</v>
      </c>
      <c r="E360" s="48">
        <v>95.4</v>
      </c>
      <c r="F360" s="49">
        <v>4.5999999999999996</v>
      </c>
    </row>
    <row r="362" spans="1:25" x14ac:dyDescent="0.2">
      <c r="A362" s="26" t="s">
        <v>25</v>
      </c>
      <c r="B362" t="s">
        <v>35</v>
      </c>
      <c r="C362" t="s">
        <v>35</v>
      </c>
    </row>
    <row r="363" spans="1:25" x14ac:dyDescent="0.2">
      <c r="B363" s="70" t="s">
        <v>76</v>
      </c>
      <c r="C363" s="71"/>
      <c r="D363" s="71"/>
      <c r="E363" s="71"/>
      <c r="F363" s="71"/>
      <c r="G363" s="71"/>
      <c r="H363" s="71"/>
      <c r="I363" s="71"/>
      <c r="J363" s="71"/>
      <c r="K363" s="71"/>
      <c r="L363" s="71"/>
      <c r="M363" s="71"/>
      <c r="N363" s="71"/>
      <c r="O363" s="71"/>
      <c r="P363" s="71"/>
      <c r="Q363" s="71"/>
      <c r="R363" s="71"/>
      <c r="S363" s="71"/>
      <c r="T363" s="71"/>
      <c r="U363" s="71"/>
      <c r="V363" s="71"/>
      <c r="W363" s="71"/>
      <c r="X363" s="71"/>
      <c r="Y363" s="71"/>
    </row>
    <row r="364" spans="1:25" s="32" customFormat="1" ht="47.25" customHeight="1" x14ac:dyDescent="0.15">
      <c r="A364" s="31"/>
      <c r="D364" s="33" t="s">
        <v>341</v>
      </c>
      <c r="E364" s="36" t="s">
        <v>482</v>
      </c>
      <c r="F364" s="51" t="s">
        <v>483</v>
      </c>
      <c r="G364" s="51" t="s">
        <v>484</v>
      </c>
      <c r="H364" s="51" t="s">
        <v>485</v>
      </c>
      <c r="I364" s="51" t="s">
        <v>486</v>
      </c>
      <c r="J364" s="51" t="s">
        <v>443</v>
      </c>
      <c r="K364" s="52" t="s">
        <v>350</v>
      </c>
      <c r="L364" s="53" t="s">
        <v>351</v>
      </c>
      <c r="M364" s="50" t="s">
        <v>344</v>
      </c>
    </row>
    <row r="365" spans="1:25" x14ac:dyDescent="0.2">
      <c r="B365" s="5"/>
      <c r="C365" s="40" t="s">
        <v>38</v>
      </c>
      <c r="D365" s="41">
        <v>4307</v>
      </c>
      <c r="E365" s="42">
        <v>1</v>
      </c>
      <c r="F365" s="42">
        <v>5.7</v>
      </c>
      <c r="G365" s="42">
        <v>31.7</v>
      </c>
      <c r="H365" s="42">
        <v>29.8</v>
      </c>
      <c r="I365" s="42">
        <v>28.4</v>
      </c>
      <c r="J365" s="42">
        <v>3.3</v>
      </c>
      <c r="K365" s="42">
        <v>-40.799999999999997</v>
      </c>
      <c r="L365" s="54">
        <v>-50</v>
      </c>
    </row>
    <row r="366" spans="1:25" x14ac:dyDescent="0.2">
      <c r="B366" s="72" t="s">
        <v>37</v>
      </c>
      <c r="C366" s="38" t="s">
        <v>39</v>
      </c>
      <c r="D366" s="44">
        <v>1325</v>
      </c>
      <c r="E366" s="45">
        <v>1.4</v>
      </c>
      <c r="F366" s="45">
        <v>6.6</v>
      </c>
      <c r="G366" s="45">
        <v>33.1</v>
      </c>
      <c r="H366" s="45">
        <v>28.5</v>
      </c>
      <c r="I366" s="45">
        <v>26.9</v>
      </c>
      <c r="J366" s="45">
        <v>3.4</v>
      </c>
      <c r="K366" s="45">
        <v>-37.799999999999997</v>
      </c>
      <c r="L366" s="55">
        <v>-50</v>
      </c>
    </row>
    <row r="367" spans="1:25" x14ac:dyDescent="0.2">
      <c r="B367" s="72"/>
      <c r="C367" s="38" t="s">
        <v>40</v>
      </c>
      <c r="D367" s="44">
        <v>675</v>
      </c>
      <c r="E367" s="45">
        <v>0.9</v>
      </c>
      <c r="F367" s="45">
        <v>4.9000000000000004</v>
      </c>
      <c r="G367" s="45">
        <v>30.7</v>
      </c>
      <c r="H367" s="45">
        <v>31.4</v>
      </c>
      <c r="I367" s="45">
        <v>28.4</v>
      </c>
      <c r="J367" s="45">
        <v>3.7</v>
      </c>
      <c r="K367" s="45">
        <v>-42.4</v>
      </c>
      <c r="L367" s="55">
        <v>-50</v>
      </c>
    </row>
    <row r="368" spans="1:25" x14ac:dyDescent="0.2">
      <c r="B368" s="72"/>
      <c r="C368" s="38" t="s">
        <v>41</v>
      </c>
      <c r="D368" s="44">
        <v>168</v>
      </c>
      <c r="E368" s="45">
        <v>0</v>
      </c>
      <c r="F368" s="45">
        <v>1.8</v>
      </c>
      <c r="G368" s="45">
        <v>35.700000000000003</v>
      </c>
      <c r="H368" s="45">
        <v>27.4</v>
      </c>
      <c r="I368" s="45">
        <v>34.5</v>
      </c>
      <c r="J368" s="45">
        <v>0.6</v>
      </c>
      <c r="K368" s="45">
        <v>-47.6</v>
      </c>
      <c r="L368" s="55">
        <v>-50</v>
      </c>
    </row>
    <row r="369" spans="1:25" x14ac:dyDescent="0.2">
      <c r="B369" s="72"/>
      <c r="C369" s="38" t="s">
        <v>42</v>
      </c>
      <c r="D369" s="44">
        <v>290</v>
      </c>
      <c r="E369" s="45">
        <v>0.3</v>
      </c>
      <c r="F369" s="45">
        <v>5.9</v>
      </c>
      <c r="G369" s="45">
        <v>32.4</v>
      </c>
      <c r="H369" s="45">
        <v>26.9</v>
      </c>
      <c r="I369" s="45">
        <v>31.7</v>
      </c>
      <c r="J369" s="45">
        <v>2.8</v>
      </c>
      <c r="K369" s="45">
        <v>-43.1</v>
      </c>
      <c r="L369" s="55">
        <v>-50</v>
      </c>
    </row>
    <row r="370" spans="1:25" x14ac:dyDescent="0.2">
      <c r="B370" s="72"/>
      <c r="C370" s="38" t="s">
        <v>43</v>
      </c>
      <c r="D370" s="44">
        <v>231</v>
      </c>
      <c r="E370" s="45">
        <v>1.3</v>
      </c>
      <c r="F370" s="45">
        <v>5.2</v>
      </c>
      <c r="G370" s="45">
        <v>26.8</v>
      </c>
      <c r="H370" s="45">
        <v>33.799999999999997</v>
      </c>
      <c r="I370" s="45">
        <v>28.6</v>
      </c>
      <c r="J370" s="45">
        <v>4.3</v>
      </c>
      <c r="K370" s="45">
        <v>-43.4</v>
      </c>
      <c r="L370" s="55">
        <v>-50</v>
      </c>
    </row>
    <row r="371" spans="1:25" x14ac:dyDescent="0.2">
      <c r="B371" s="72"/>
      <c r="C371" s="38" t="s">
        <v>44</v>
      </c>
      <c r="D371" s="44">
        <v>800</v>
      </c>
      <c r="E371" s="45">
        <v>1.3</v>
      </c>
      <c r="F371" s="45">
        <v>5.6</v>
      </c>
      <c r="G371" s="45">
        <v>34.799999999999997</v>
      </c>
      <c r="H371" s="45">
        <v>29.3</v>
      </c>
      <c r="I371" s="45">
        <v>26.1</v>
      </c>
      <c r="J371" s="45">
        <v>3</v>
      </c>
      <c r="K371" s="45">
        <v>-37.799999999999997</v>
      </c>
      <c r="L371" s="55">
        <v>-50</v>
      </c>
    </row>
    <row r="372" spans="1:25" x14ac:dyDescent="0.2">
      <c r="B372" s="72"/>
      <c r="C372" s="38" t="s">
        <v>45</v>
      </c>
      <c r="D372" s="44">
        <v>240</v>
      </c>
      <c r="E372" s="45">
        <v>0</v>
      </c>
      <c r="F372" s="45">
        <v>7.9</v>
      </c>
      <c r="G372" s="45">
        <v>23.3</v>
      </c>
      <c r="H372" s="45">
        <v>30</v>
      </c>
      <c r="I372" s="45">
        <v>35</v>
      </c>
      <c r="J372" s="45">
        <v>3.8</v>
      </c>
      <c r="K372" s="45">
        <v>-47.8</v>
      </c>
      <c r="L372" s="55">
        <v>-50</v>
      </c>
    </row>
    <row r="373" spans="1:25" x14ac:dyDescent="0.2">
      <c r="B373" s="72"/>
      <c r="C373" s="38" t="s">
        <v>46</v>
      </c>
      <c r="D373" s="44">
        <v>117</v>
      </c>
      <c r="E373" s="45">
        <v>0</v>
      </c>
      <c r="F373" s="45">
        <v>5.0999999999999996</v>
      </c>
      <c r="G373" s="45">
        <v>36.799999999999997</v>
      </c>
      <c r="H373" s="45">
        <v>31.6</v>
      </c>
      <c r="I373" s="45">
        <v>24.8</v>
      </c>
      <c r="J373" s="45">
        <v>1.7</v>
      </c>
      <c r="K373" s="45">
        <v>-38.700000000000003</v>
      </c>
      <c r="L373" s="55">
        <v>-50</v>
      </c>
    </row>
    <row r="374" spans="1:25" x14ac:dyDescent="0.2">
      <c r="B374" s="72"/>
      <c r="C374" s="38" t="s">
        <v>47</v>
      </c>
      <c r="D374" s="44">
        <v>461</v>
      </c>
      <c r="E374" s="45">
        <v>1.3</v>
      </c>
      <c r="F374" s="45">
        <v>5.2</v>
      </c>
      <c r="G374" s="45">
        <v>27.3</v>
      </c>
      <c r="H374" s="45">
        <v>31.9</v>
      </c>
      <c r="I374" s="45">
        <v>29.9</v>
      </c>
      <c r="J374" s="45">
        <v>4.3</v>
      </c>
      <c r="K374" s="45">
        <v>-43.9</v>
      </c>
      <c r="L374" s="55">
        <v>-50</v>
      </c>
    </row>
    <row r="375" spans="1:25" ht="21.6" x14ac:dyDescent="0.2">
      <c r="B375" s="72"/>
      <c r="C375" s="39" t="s">
        <v>48</v>
      </c>
      <c r="D375" s="47">
        <v>2307</v>
      </c>
      <c r="E375" s="48">
        <v>0.9</v>
      </c>
      <c r="F375" s="48">
        <v>5.5</v>
      </c>
      <c r="G375" s="48">
        <v>31.2</v>
      </c>
      <c r="H375" s="48">
        <v>30</v>
      </c>
      <c r="I375" s="48">
        <v>29.3</v>
      </c>
      <c r="J375" s="48">
        <v>3.2</v>
      </c>
      <c r="K375" s="48">
        <v>-42.1</v>
      </c>
      <c r="L375" s="56">
        <v>-50</v>
      </c>
    </row>
    <row r="376" spans="1:25" x14ac:dyDescent="0.2">
      <c r="B376" s="7" t="s">
        <v>49</v>
      </c>
      <c r="C376" s="4" t="s">
        <v>77</v>
      </c>
    </row>
    <row r="377" spans="1:25" x14ac:dyDescent="0.2">
      <c r="B377" s="4"/>
      <c r="C377" s="4" t="s">
        <v>51</v>
      </c>
    </row>
    <row r="379" spans="1:25" x14ac:dyDescent="0.2">
      <c r="A379" s="26" t="s">
        <v>25</v>
      </c>
      <c r="B379" t="s">
        <v>35</v>
      </c>
      <c r="C379" t="s">
        <v>35</v>
      </c>
    </row>
    <row r="380" spans="1:25" x14ac:dyDescent="0.2">
      <c r="B380" s="70" t="s">
        <v>78</v>
      </c>
      <c r="C380" s="71"/>
      <c r="D380" s="71"/>
      <c r="E380" s="71"/>
      <c r="F380" s="71"/>
      <c r="G380" s="71"/>
      <c r="H380" s="71"/>
      <c r="I380" s="71"/>
      <c r="J380" s="71"/>
      <c r="K380" s="71"/>
      <c r="L380" s="71"/>
      <c r="M380" s="71"/>
      <c r="N380" s="71"/>
      <c r="O380" s="71"/>
      <c r="P380" s="71"/>
      <c r="Q380" s="71"/>
      <c r="R380" s="71"/>
      <c r="S380" s="71"/>
      <c r="T380" s="71"/>
      <c r="U380" s="71"/>
      <c r="V380" s="71"/>
      <c r="W380" s="71"/>
      <c r="X380" s="71"/>
      <c r="Y380" s="71"/>
    </row>
    <row r="381" spans="1:25" s="32" customFormat="1" ht="36.450000000000003" customHeight="1" x14ac:dyDescent="0.15">
      <c r="A381" s="31"/>
      <c r="D381" s="33" t="s">
        <v>341</v>
      </c>
      <c r="E381" s="36" t="s">
        <v>487</v>
      </c>
      <c r="F381" s="51" t="s">
        <v>488</v>
      </c>
      <c r="G381" s="51" t="s">
        <v>489</v>
      </c>
      <c r="H381" s="37" t="s">
        <v>443</v>
      </c>
      <c r="I381" s="35" t="s">
        <v>344</v>
      </c>
    </row>
    <row r="382" spans="1:25" x14ac:dyDescent="0.2">
      <c r="B382" s="5"/>
      <c r="C382" s="40" t="s">
        <v>38</v>
      </c>
      <c r="D382" s="41">
        <v>4307</v>
      </c>
      <c r="E382" s="42">
        <v>6.8</v>
      </c>
      <c r="F382" s="42">
        <v>31.7</v>
      </c>
      <c r="G382" s="42">
        <v>58.2</v>
      </c>
      <c r="H382" s="43">
        <v>3.3</v>
      </c>
    </row>
    <row r="383" spans="1:25" x14ac:dyDescent="0.2">
      <c r="B383" s="72" t="s">
        <v>37</v>
      </c>
      <c r="C383" s="38" t="s">
        <v>39</v>
      </c>
      <c r="D383" s="44">
        <v>1325</v>
      </c>
      <c r="E383" s="45">
        <v>8</v>
      </c>
      <c r="F383" s="45">
        <v>33.1</v>
      </c>
      <c r="G383" s="45">
        <v>55.5</v>
      </c>
      <c r="H383" s="46">
        <v>3.4</v>
      </c>
    </row>
    <row r="384" spans="1:25" x14ac:dyDescent="0.2">
      <c r="B384" s="72"/>
      <c r="C384" s="38" t="s">
        <v>40</v>
      </c>
      <c r="D384" s="44">
        <v>675</v>
      </c>
      <c r="E384" s="45">
        <v>5.8</v>
      </c>
      <c r="F384" s="45">
        <v>30.7</v>
      </c>
      <c r="G384" s="45">
        <v>59.9</v>
      </c>
      <c r="H384" s="46">
        <v>3.7</v>
      </c>
    </row>
    <row r="385" spans="1:25" x14ac:dyDescent="0.2">
      <c r="B385" s="72"/>
      <c r="C385" s="38" t="s">
        <v>41</v>
      </c>
      <c r="D385" s="44">
        <v>168</v>
      </c>
      <c r="E385" s="45">
        <v>1.8</v>
      </c>
      <c r="F385" s="45">
        <v>35.700000000000003</v>
      </c>
      <c r="G385" s="45">
        <v>61.9</v>
      </c>
      <c r="H385" s="46">
        <v>0.6</v>
      </c>
    </row>
    <row r="386" spans="1:25" x14ac:dyDescent="0.2">
      <c r="B386" s="72"/>
      <c r="C386" s="38" t="s">
        <v>42</v>
      </c>
      <c r="D386" s="44">
        <v>290</v>
      </c>
      <c r="E386" s="45">
        <v>6.2</v>
      </c>
      <c r="F386" s="45">
        <v>32.4</v>
      </c>
      <c r="G386" s="45">
        <v>58.6</v>
      </c>
      <c r="H386" s="46">
        <v>2.8</v>
      </c>
    </row>
    <row r="387" spans="1:25" x14ac:dyDescent="0.2">
      <c r="B387" s="72"/>
      <c r="C387" s="38" t="s">
        <v>43</v>
      </c>
      <c r="D387" s="44">
        <v>231</v>
      </c>
      <c r="E387" s="45">
        <v>6.5</v>
      </c>
      <c r="F387" s="45">
        <v>26.8</v>
      </c>
      <c r="G387" s="45">
        <v>62.3</v>
      </c>
      <c r="H387" s="46">
        <v>4.3</v>
      </c>
    </row>
    <row r="388" spans="1:25" x14ac:dyDescent="0.2">
      <c r="B388" s="72"/>
      <c r="C388" s="38" t="s">
        <v>44</v>
      </c>
      <c r="D388" s="44">
        <v>800</v>
      </c>
      <c r="E388" s="45">
        <v>6.9</v>
      </c>
      <c r="F388" s="45">
        <v>34.799999999999997</v>
      </c>
      <c r="G388" s="45">
        <v>55.4</v>
      </c>
      <c r="H388" s="46">
        <v>3</v>
      </c>
    </row>
    <row r="389" spans="1:25" x14ac:dyDescent="0.2">
      <c r="B389" s="72"/>
      <c r="C389" s="38" t="s">
        <v>45</v>
      </c>
      <c r="D389" s="44">
        <v>240</v>
      </c>
      <c r="E389" s="45">
        <v>7.9</v>
      </c>
      <c r="F389" s="45">
        <v>23.3</v>
      </c>
      <c r="G389" s="45">
        <v>65</v>
      </c>
      <c r="H389" s="46">
        <v>3.8</v>
      </c>
    </row>
    <row r="390" spans="1:25" x14ac:dyDescent="0.2">
      <c r="B390" s="72"/>
      <c r="C390" s="38" t="s">
        <v>46</v>
      </c>
      <c r="D390" s="44">
        <v>117</v>
      </c>
      <c r="E390" s="45">
        <v>5.0999999999999996</v>
      </c>
      <c r="F390" s="45">
        <v>36.799999999999997</v>
      </c>
      <c r="G390" s="45">
        <v>56.4</v>
      </c>
      <c r="H390" s="46">
        <v>1.7</v>
      </c>
    </row>
    <row r="391" spans="1:25" x14ac:dyDescent="0.2">
      <c r="B391" s="72"/>
      <c r="C391" s="38" t="s">
        <v>47</v>
      </c>
      <c r="D391" s="44">
        <v>461</v>
      </c>
      <c r="E391" s="45">
        <v>6.5</v>
      </c>
      <c r="F391" s="45">
        <v>27.3</v>
      </c>
      <c r="G391" s="45">
        <v>61.8</v>
      </c>
      <c r="H391" s="46">
        <v>4.3</v>
      </c>
    </row>
    <row r="392" spans="1:25" ht="21.6" x14ac:dyDescent="0.2">
      <c r="B392" s="72"/>
      <c r="C392" s="39" t="s">
        <v>48</v>
      </c>
      <c r="D392" s="47">
        <v>2307</v>
      </c>
      <c r="E392" s="48">
        <v>6.3</v>
      </c>
      <c r="F392" s="48">
        <v>31.2</v>
      </c>
      <c r="G392" s="48">
        <v>59.3</v>
      </c>
      <c r="H392" s="49">
        <v>3.2</v>
      </c>
    </row>
    <row r="394" spans="1:25" x14ac:dyDescent="0.2">
      <c r="A394" s="26" t="s">
        <v>25</v>
      </c>
      <c r="B394" t="s">
        <v>35</v>
      </c>
      <c r="C394" t="s">
        <v>35</v>
      </c>
    </row>
    <row r="395" spans="1:25" x14ac:dyDescent="0.2">
      <c r="B395" s="70" t="s">
        <v>79</v>
      </c>
      <c r="C395" s="71"/>
      <c r="D395" s="71"/>
      <c r="E395" s="71"/>
      <c r="F395" s="71"/>
      <c r="G395" s="71"/>
      <c r="H395" s="71"/>
      <c r="I395" s="71"/>
      <c r="J395" s="71"/>
      <c r="K395" s="71"/>
      <c r="L395" s="71"/>
      <c r="M395" s="71"/>
      <c r="N395" s="71"/>
      <c r="O395" s="71"/>
      <c r="P395" s="71"/>
      <c r="Q395" s="71"/>
      <c r="R395" s="71"/>
      <c r="S395" s="71"/>
      <c r="T395" s="71"/>
      <c r="U395" s="71"/>
      <c r="V395" s="71"/>
      <c r="W395" s="71"/>
      <c r="X395" s="71"/>
      <c r="Y395" s="71"/>
    </row>
    <row r="396" spans="1:25" s="32" customFormat="1" ht="47.25" customHeight="1" x14ac:dyDescent="0.15">
      <c r="A396" s="31"/>
      <c r="D396" s="33" t="s">
        <v>341</v>
      </c>
      <c r="E396" s="36" t="s">
        <v>490</v>
      </c>
      <c r="F396" s="51" t="s">
        <v>491</v>
      </c>
      <c r="G396" s="51" t="s">
        <v>484</v>
      </c>
      <c r="H396" s="51" t="s">
        <v>492</v>
      </c>
      <c r="I396" s="51" t="s">
        <v>493</v>
      </c>
      <c r="J396" s="51" t="s">
        <v>443</v>
      </c>
      <c r="K396" s="52" t="s">
        <v>350</v>
      </c>
      <c r="L396" s="53" t="s">
        <v>351</v>
      </c>
      <c r="M396" s="50" t="s">
        <v>344</v>
      </c>
    </row>
    <row r="397" spans="1:25" x14ac:dyDescent="0.2">
      <c r="B397" s="5"/>
      <c r="C397" s="40" t="s">
        <v>38</v>
      </c>
      <c r="D397" s="41">
        <v>4307</v>
      </c>
      <c r="E397" s="42">
        <v>2.5</v>
      </c>
      <c r="F397" s="42">
        <v>23.2</v>
      </c>
      <c r="G397" s="42">
        <v>38.200000000000003</v>
      </c>
      <c r="H397" s="42">
        <v>17</v>
      </c>
      <c r="I397" s="42">
        <v>11.6</v>
      </c>
      <c r="J397" s="42">
        <v>7.6</v>
      </c>
      <c r="K397" s="42">
        <v>-6.5</v>
      </c>
      <c r="L397" s="54">
        <v>0</v>
      </c>
    </row>
    <row r="398" spans="1:25" x14ac:dyDescent="0.2">
      <c r="B398" s="72" t="s">
        <v>37</v>
      </c>
      <c r="C398" s="38" t="s">
        <v>39</v>
      </c>
      <c r="D398" s="44">
        <v>1325</v>
      </c>
      <c r="E398" s="45">
        <v>3.1</v>
      </c>
      <c r="F398" s="45">
        <v>24.9</v>
      </c>
      <c r="G398" s="45">
        <v>39.200000000000003</v>
      </c>
      <c r="H398" s="45">
        <v>14.8</v>
      </c>
      <c r="I398" s="45">
        <v>10.7</v>
      </c>
      <c r="J398" s="45">
        <v>7.3</v>
      </c>
      <c r="K398" s="45">
        <v>-2.8</v>
      </c>
      <c r="L398" s="55">
        <v>0</v>
      </c>
    </row>
    <row r="399" spans="1:25" x14ac:dyDescent="0.2">
      <c r="B399" s="72"/>
      <c r="C399" s="38" t="s">
        <v>40</v>
      </c>
      <c r="D399" s="44">
        <v>675</v>
      </c>
      <c r="E399" s="45">
        <v>2.2000000000000002</v>
      </c>
      <c r="F399" s="45">
        <v>22.2</v>
      </c>
      <c r="G399" s="45">
        <v>37</v>
      </c>
      <c r="H399" s="45">
        <v>19.7</v>
      </c>
      <c r="I399" s="45">
        <v>11</v>
      </c>
      <c r="J399" s="45">
        <v>7.9</v>
      </c>
      <c r="K399" s="45">
        <v>-8.1</v>
      </c>
      <c r="L399" s="55">
        <v>0</v>
      </c>
    </row>
    <row r="400" spans="1:25" x14ac:dyDescent="0.2">
      <c r="B400" s="72"/>
      <c r="C400" s="38" t="s">
        <v>41</v>
      </c>
      <c r="D400" s="44">
        <v>168</v>
      </c>
      <c r="E400" s="45">
        <v>0</v>
      </c>
      <c r="F400" s="45">
        <v>22.6</v>
      </c>
      <c r="G400" s="45">
        <v>45.2</v>
      </c>
      <c r="H400" s="45">
        <v>14.3</v>
      </c>
      <c r="I400" s="45">
        <v>14.3</v>
      </c>
      <c r="J400" s="45">
        <v>3.6</v>
      </c>
      <c r="K400" s="45">
        <v>-10.5</v>
      </c>
      <c r="L400" s="55">
        <v>0</v>
      </c>
    </row>
    <row r="401" spans="1:25" x14ac:dyDescent="0.2">
      <c r="B401" s="72"/>
      <c r="C401" s="38" t="s">
        <v>42</v>
      </c>
      <c r="D401" s="44">
        <v>290</v>
      </c>
      <c r="E401" s="45">
        <v>2.1</v>
      </c>
      <c r="F401" s="45">
        <v>24.5</v>
      </c>
      <c r="G401" s="45">
        <v>38.299999999999997</v>
      </c>
      <c r="H401" s="45">
        <v>18.600000000000001</v>
      </c>
      <c r="I401" s="45">
        <v>9</v>
      </c>
      <c r="J401" s="45">
        <v>7.6</v>
      </c>
      <c r="K401" s="45">
        <v>-4.3</v>
      </c>
      <c r="L401" s="55">
        <v>0</v>
      </c>
    </row>
    <row r="402" spans="1:25" x14ac:dyDescent="0.2">
      <c r="B402" s="72"/>
      <c r="C402" s="38" t="s">
        <v>43</v>
      </c>
      <c r="D402" s="44">
        <v>231</v>
      </c>
      <c r="E402" s="45">
        <v>1.3</v>
      </c>
      <c r="F402" s="45">
        <v>23.8</v>
      </c>
      <c r="G402" s="45">
        <v>37.200000000000003</v>
      </c>
      <c r="H402" s="45">
        <v>16.899999999999999</v>
      </c>
      <c r="I402" s="45">
        <v>14.3</v>
      </c>
      <c r="J402" s="45">
        <v>6.5</v>
      </c>
      <c r="K402" s="45">
        <v>-10.199999999999999</v>
      </c>
      <c r="L402" s="55">
        <v>0</v>
      </c>
    </row>
    <row r="403" spans="1:25" x14ac:dyDescent="0.2">
      <c r="B403" s="72"/>
      <c r="C403" s="38" t="s">
        <v>44</v>
      </c>
      <c r="D403" s="44">
        <v>800</v>
      </c>
      <c r="E403" s="45">
        <v>2</v>
      </c>
      <c r="F403" s="45">
        <v>21.6</v>
      </c>
      <c r="G403" s="45">
        <v>38.6</v>
      </c>
      <c r="H403" s="45">
        <v>18.100000000000001</v>
      </c>
      <c r="I403" s="45">
        <v>11.3</v>
      </c>
      <c r="J403" s="45">
        <v>8.4</v>
      </c>
      <c r="K403" s="45">
        <v>-8.1999999999999993</v>
      </c>
      <c r="L403" s="55">
        <v>0</v>
      </c>
    </row>
    <row r="404" spans="1:25" x14ac:dyDescent="0.2">
      <c r="B404" s="72"/>
      <c r="C404" s="38" t="s">
        <v>45</v>
      </c>
      <c r="D404" s="44">
        <v>240</v>
      </c>
      <c r="E404" s="45">
        <v>2.9</v>
      </c>
      <c r="F404" s="45">
        <v>24.2</v>
      </c>
      <c r="G404" s="45">
        <v>33.799999999999997</v>
      </c>
      <c r="H404" s="45">
        <v>15</v>
      </c>
      <c r="I404" s="45">
        <v>16.3</v>
      </c>
      <c r="J404" s="45">
        <v>7.9</v>
      </c>
      <c r="K404" s="45">
        <v>-9.5</v>
      </c>
      <c r="L404" s="55">
        <v>0</v>
      </c>
    </row>
    <row r="405" spans="1:25" x14ac:dyDescent="0.2">
      <c r="B405" s="72"/>
      <c r="C405" s="38" t="s">
        <v>46</v>
      </c>
      <c r="D405" s="44">
        <v>117</v>
      </c>
      <c r="E405" s="45">
        <v>3.4</v>
      </c>
      <c r="F405" s="45">
        <v>23.1</v>
      </c>
      <c r="G405" s="45">
        <v>30.8</v>
      </c>
      <c r="H405" s="45">
        <v>19.7</v>
      </c>
      <c r="I405" s="45">
        <v>15.4</v>
      </c>
      <c r="J405" s="45">
        <v>7.7</v>
      </c>
      <c r="K405" s="45">
        <v>-11.1</v>
      </c>
      <c r="L405" s="55">
        <v>0</v>
      </c>
    </row>
    <row r="406" spans="1:25" x14ac:dyDescent="0.2">
      <c r="B406" s="72"/>
      <c r="C406" s="38" t="s">
        <v>47</v>
      </c>
      <c r="D406" s="44">
        <v>461</v>
      </c>
      <c r="E406" s="45">
        <v>3.3</v>
      </c>
      <c r="F406" s="45">
        <v>21</v>
      </c>
      <c r="G406" s="45">
        <v>38.200000000000003</v>
      </c>
      <c r="H406" s="45">
        <v>18</v>
      </c>
      <c r="I406" s="45">
        <v>11.3</v>
      </c>
      <c r="J406" s="45">
        <v>8.1999999999999993</v>
      </c>
      <c r="K406" s="45">
        <v>-7.1</v>
      </c>
      <c r="L406" s="55">
        <v>0</v>
      </c>
    </row>
    <row r="407" spans="1:25" ht="21.6" x14ac:dyDescent="0.2">
      <c r="B407" s="72"/>
      <c r="C407" s="39" t="s">
        <v>48</v>
      </c>
      <c r="D407" s="47">
        <v>2307</v>
      </c>
      <c r="E407" s="48">
        <v>2.2000000000000002</v>
      </c>
      <c r="F407" s="48">
        <v>22.5</v>
      </c>
      <c r="G407" s="48">
        <v>37.9</v>
      </c>
      <c r="H407" s="48">
        <v>17.5</v>
      </c>
      <c r="I407" s="48">
        <v>12.2</v>
      </c>
      <c r="J407" s="48">
        <v>7.6</v>
      </c>
      <c r="K407" s="48">
        <v>-8.1</v>
      </c>
      <c r="L407" s="56">
        <v>0</v>
      </c>
    </row>
    <row r="408" spans="1:25" x14ac:dyDescent="0.2">
      <c r="B408" s="7" t="s">
        <v>49</v>
      </c>
      <c r="C408" s="4" t="s">
        <v>80</v>
      </c>
    </row>
    <row r="409" spans="1:25" x14ac:dyDescent="0.2">
      <c r="B409" s="4"/>
      <c r="C409" s="4" t="s">
        <v>51</v>
      </c>
    </row>
    <row r="411" spans="1:25" x14ac:dyDescent="0.2">
      <c r="A411" s="26" t="s">
        <v>25</v>
      </c>
      <c r="B411" t="s">
        <v>35</v>
      </c>
      <c r="C411" t="s">
        <v>35</v>
      </c>
    </row>
    <row r="412" spans="1:25" x14ac:dyDescent="0.2">
      <c r="B412" s="70" t="s">
        <v>81</v>
      </c>
      <c r="C412" s="71"/>
      <c r="D412" s="71"/>
      <c r="E412" s="71"/>
      <c r="F412" s="71"/>
      <c r="G412" s="71"/>
      <c r="H412" s="71"/>
      <c r="I412" s="71"/>
      <c r="J412" s="71"/>
      <c r="K412" s="71"/>
      <c r="L412" s="71"/>
      <c r="M412" s="71"/>
      <c r="N412" s="71"/>
      <c r="O412" s="71"/>
      <c r="P412" s="71"/>
      <c r="Q412" s="71"/>
      <c r="R412" s="71"/>
      <c r="S412" s="71"/>
      <c r="T412" s="71"/>
      <c r="U412" s="71"/>
      <c r="V412" s="71"/>
      <c r="W412" s="71"/>
      <c r="X412" s="71"/>
      <c r="Y412" s="71"/>
    </row>
    <row r="413" spans="1:25" s="32" customFormat="1" ht="36.450000000000003" customHeight="1" x14ac:dyDescent="0.15">
      <c r="A413" s="31"/>
      <c r="D413" s="33" t="s">
        <v>341</v>
      </c>
      <c r="E413" s="36" t="s">
        <v>494</v>
      </c>
      <c r="F413" s="51" t="s">
        <v>488</v>
      </c>
      <c r="G413" s="51" t="s">
        <v>495</v>
      </c>
      <c r="H413" s="37" t="s">
        <v>443</v>
      </c>
      <c r="I413" s="35" t="s">
        <v>344</v>
      </c>
    </row>
    <row r="414" spans="1:25" x14ac:dyDescent="0.2">
      <c r="B414" s="5"/>
      <c r="C414" s="40" t="s">
        <v>38</v>
      </c>
      <c r="D414" s="41">
        <v>4307</v>
      </c>
      <c r="E414" s="42">
        <v>25.7</v>
      </c>
      <c r="F414" s="42">
        <v>38.200000000000003</v>
      </c>
      <c r="G414" s="42">
        <v>28.6</v>
      </c>
      <c r="H414" s="43">
        <v>7.6</v>
      </c>
    </row>
    <row r="415" spans="1:25" x14ac:dyDescent="0.2">
      <c r="B415" s="72" t="s">
        <v>37</v>
      </c>
      <c r="C415" s="38" t="s">
        <v>39</v>
      </c>
      <c r="D415" s="44">
        <v>1325</v>
      </c>
      <c r="E415" s="45">
        <v>28</v>
      </c>
      <c r="F415" s="45">
        <v>39.200000000000003</v>
      </c>
      <c r="G415" s="45">
        <v>25.5</v>
      </c>
      <c r="H415" s="46">
        <v>7.3</v>
      </c>
    </row>
    <row r="416" spans="1:25" x14ac:dyDescent="0.2">
      <c r="B416" s="72"/>
      <c r="C416" s="38" t="s">
        <v>40</v>
      </c>
      <c r="D416" s="44">
        <v>675</v>
      </c>
      <c r="E416" s="45">
        <v>24.4</v>
      </c>
      <c r="F416" s="45">
        <v>37</v>
      </c>
      <c r="G416" s="45">
        <v>30.7</v>
      </c>
      <c r="H416" s="46">
        <v>7.9</v>
      </c>
    </row>
    <row r="417" spans="1:25" x14ac:dyDescent="0.2">
      <c r="B417" s="72"/>
      <c r="C417" s="38" t="s">
        <v>41</v>
      </c>
      <c r="D417" s="44">
        <v>168</v>
      </c>
      <c r="E417" s="45">
        <v>22.6</v>
      </c>
      <c r="F417" s="45">
        <v>45.2</v>
      </c>
      <c r="G417" s="45">
        <v>28.6</v>
      </c>
      <c r="H417" s="46">
        <v>3.6</v>
      </c>
    </row>
    <row r="418" spans="1:25" x14ac:dyDescent="0.2">
      <c r="B418" s="72"/>
      <c r="C418" s="38" t="s">
        <v>42</v>
      </c>
      <c r="D418" s="44">
        <v>290</v>
      </c>
      <c r="E418" s="45">
        <v>26.6</v>
      </c>
      <c r="F418" s="45">
        <v>38.299999999999997</v>
      </c>
      <c r="G418" s="45">
        <v>27.6</v>
      </c>
      <c r="H418" s="46">
        <v>7.6</v>
      </c>
    </row>
    <row r="419" spans="1:25" x14ac:dyDescent="0.2">
      <c r="B419" s="72"/>
      <c r="C419" s="38" t="s">
        <v>43</v>
      </c>
      <c r="D419" s="44">
        <v>231</v>
      </c>
      <c r="E419" s="45">
        <v>25.1</v>
      </c>
      <c r="F419" s="45">
        <v>37.200000000000003</v>
      </c>
      <c r="G419" s="45">
        <v>31.2</v>
      </c>
      <c r="H419" s="46">
        <v>6.5</v>
      </c>
    </row>
    <row r="420" spans="1:25" x14ac:dyDescent="0.2">
      <c r="B420" s="72"/>
      <c r="C420" s="38" t="s">
        <v>44</v>
      </c>
      <c r="D420" s="44">
        <v>800</v>
      </c>
      <c r="E420" s="45">
        <v>23.6</v>
      </c>
      <c r="F420" s="45">
        <v>38.6</v>
      </c>
      <c r="G420" s="45">
        <v>29.4</v>
      </c>
      <c r="H420" s="46">
        <v>8.4</v>
      </c>
    </row>
    <row r="421" spans="1:25" x14ac:dyDescent="0.2">
      <c r="B421" s="72"/>
      <c r="C421" s="38" t="s">
        <v>45</v>
      </c>
      <c r="D421" s="44">
        <v>240</v>
      </c>
      <c r="E421" s="45">
        <v>27.1</v>
      </c>
      <c r="F421" s="45">
        <v>33.799999999999997</v>
      </c>
      <c r="G421" s="45">
        <v>31.3</v>
      </c>
      <c r="H421" s="46">
        <v>7.9</v>
      </c>
    </row>
    <row r="422" spans="1:25" x14ac:dyDescent="0.2">
      <c r="B422" s="72"/>
      <c r="C422" s="38" t="s">
        <v>46</v>
      </c>
      <c r="D422" s="44">
        <v>117</v>
      </c>
      <c r="E422" s="45">
        <v>26.5</v>
      </c>
      <c r="F422" s="45">
        <v>30.8</v>
      </c>
      <c r="G422" s="45">
        <v>35</v>
      </c>
      <c r="H422" s="46">
        <v>7.7</v>
      </c>
    </row>
    <row r="423" spans="1:25" x14ac:dyDescent="0.2">
      <c r="B423" s="72"/>
      <c r="C423" s="38" t="s">
        <v>47</v>
      </c>
      <c r="D423" s="44">
        <v>461</v>
      </c>
      <c r="E423" s="45">
        <v>24.3</v>
      </c>
      <c r="F423" s="45">
        <v>38.200000000000003</v>
      </c>
      <c r="G423" s="45">
        <v>29.3</v>
      </c>
      <c r="H423" s="46">
        <v>8.1999999999999993</v>
      </c>
    </row>
    <row r="424" spans="1:25" ht="21.6" x14ac:dyDescent="0.2">
      <c r="B424" s="72"/>
      <c r="C424" s="39" t="s">
        <v>48</v>
      </c>
      <c r="D424" s="47">
        <v>2307</v>
      </c>
      <c r="E424" s="48">
        <v>24.7</v>
      </c>
      <c r="F424" s="48">
        <v>37.9</v>
      </c>
      <c r="G424" s="48">
        <v>29.7</v>
      </c>
      <c r="H424" s="49">
        <v>7.6</v>
      </c>
    </row>
    <row r="426" spans="1:25" x14ac:dyDescent="0.2">
      <c r="A426" s="26" t="s">
        <v>25</v>
      </c>
      <c r="B426" t="s">
        <v>35</v>
      </c>
      <c r="C426" t="s">
        <v>35</v>
      </c>
    </row>
    <row r="427" spans="1:25" x14ac:dyDescent="0.2">
      <c r="B427" s="70" t="s">
        <v>82</v>
      </c>
      <c r="C427" s="71"/>
      <c r="D427" s="71"/>
      <c r="E427" s="71"/>
      <c r="F427" s="71"/>
      <c r="G427" s="71"/>
      <c r="H427" s="71"/>
      <c r="I427" s="71"/>
      <c r="J427" s="71"/>
      <c r="K427" s="71"/>
      <c r="L427" s="71"/>
      <c r="M427" s="71"/>
      <c r="N427" s="71"/>
      <c r="O427" s="71"/>
      <c r="P427" s="71"/>
      <c r="Q427" s="71"/>
      <c r="R427" s="71"/>
      <c r="S427" s="71"/>
      <c r="T427" s="71"/>
      <c r="U427" s="71"/>
      <c r="V427" s="71"/>
      <c r="W427" s="71"/>
      <c r="X427" s="71"/>
      <c r="Y427" s="71"/>
    </row>
    <row r="428" spans="1:25" s="32" customFormat="1" ht="47.25" customHeight="1" x14ac:dyDescent="0.15">
      <c r="A428" s="31"/>
      <c r="D428" s="33" t="s">
        <v>341</v>
      </c>
      <c r="E428" s="36" t="s">
        <v>482</v>
      </c>
      <c r="F428" s="51" t="s">
        <v>483</v>
      </c>
      <c r="G428" s="51" t="s">
        <v>484</v>
      </c>
      <c r="H428" s="51" t="s">
        <v>485</v>
      </c>
      <c r="I428" s="51" t="s">
        <v>486</v>
      </c>
      <c r="J428" s="51" t="s">
        <v>443</v>
      </c>
      <c r="K428" s="52" t="s">
        <v>350</v>
      </c>
      <c r="L428" s="53" t="s">
        <v>351</v>
      </c>
      <c r="M428" s="50" t="s">
        <v>344</v>
      </c>
    </row>
    <row r="429" spans="1:25" x14ac:dyDescent="0.2">
      <c r="B429" s="5"/>
      <c r="C429" s="40" t="s">
        <v>38</v>
      </c>
      <c r="D429" s="41">
        <v>4307</v>
      </c>
      <c r="E429" s="42">
        <v>1.9</v>
      </c>
      <c r="F429" s="42">
        <v>11.5</v>
      </c>
      <c r="G429" s="42">
        <v>41.2</v>
      </c>
      <c r="H429" s="42">
        <v>23</v>
      </c>
      <c r="I429" s="42">
        <v>11.6</v>
      </c>
      <c r="J429" s="42">
        <v>10.8</v>
      </c>
      <c r="K429" s="42">
        <v>-17.3</v>
      </c>
      <c r="L429" s="54">
        <v>0</v>
      </c>
    </row>
    <row r="430" spans="1:25" x14ac:dyDescent="0.2">
      <c r="B430" s="72" t="s">
        <v>37</v>
      </c>
      <c r="C430" s="38" t="s">
        <v>39</v>
      </c>
      <c r="D430" s="44">
        <v>1325</v>
      </c>
      <c r="E430" s="45">
        <v>2.5</v>
      </c>
      <c r="F430" s="45">
        <v>13.2</v>
      </c>
      <c r="G430" s="45">
        <v>41.4</v>
      </c>
      <c r="H430" s="45">
        <v>20.9</v>
      </c>
      <c r="I430" s="45">
        <v>11.5</v>
      </c>
      <c r="J430" s="45">
        <v>10.4</v>
      </c>
      <c r="K430" s="45">
        <v>-14.4</v>
      </c>
      <c r="L430" s="55">
        <v>0</v>
      </c>
    </row>
    <row r="431" spans="1:25" x14ac:dyDescent="0.2">
      <c r="B431" s="72"/>
      <c r="C431" s="38" t="s">
        <v>40</v>
      </c>
      <c r="D431" s="44">
        <v>675</v>
      </c>
      <c r="E431" s="45">
        <v>2.1</v>
      </c>
      <c r="F431" s="45">
        <v>11.7</v>
      </c>
      <c r="G431" s="45">
        <v>39.9</v>
      </c>
      <c r="H431" s="45">
        <v>24.7</v>
      </c>
      <c r="I431" s="45">
        <v>10.199999999999999</v>
      </c>
      <c r="J431" s="45">
        <v>11.4</v>
      </c>
      <c r="K431" s="45">
        <v>-16.600000000000001</v>
      </c>
      <c r="L431" s="55">
        <v>0</v>
      </c>
    </row>
    <row r="432" spans="1:25" x14ac:dyDescent="0.2">
      <c r="B432" s="72"/>
      <c r="C432" s="38" t="s">
        <v>41</v>
      </c>
      <c r="D432" s="44">
        <v>168</v>
      </c>
      <c r="E432" s="45">
        <v>1.2</v>
      </c>
      <c r="F432" s="45">
        <v>6.5</v>
      </c>
      <c r="G432" s="45">
        <v>49.4</v>
      </c>
      <c r="H432" s="45">
        <v>19.600000000000001</v>
      </c>
      <c r="I432" s="45">
        <v>13.7</v>
      </c>
      <c r="J432" s="45">
        <v>9.5</v>
      </c>
      <c r="K432" s="45">
        <v>-21.1</v>
      </c>
      <c r="L432" s="55">
        <v>0</v>
      </c>
    </row>
    <row r="433" spans="1:25" x14ac:dyDescent="0.2">
      <c r="B433" s="72"/>
      <c r="C433" s="38" t="s">
        <v>42</v>
      </c>
      <c r="D433" s="44">
        <v>290</v>
      </c>
      <c r="E433" s="45">
        <v>1</v>
      </c>
      <c r="F433" s="45">
        <v>10</v>
      </c>
      <c r="G433" s="45">
        <v>43.4</v>
      </c>
      <c r="H433" s="45">
        <v>24.5</v>
      </c>
      <c r="I433" s="45">
        <v>10.7</v>
      </c>
      <c r="J433" s="45">
        <v>10.3</v>
      </c>
      <c r="K433" s="45">
        <v>-18.8</v>
      </c>
      <c r="L433" s="55">
        <v>0</v>
      </c>
    </row>
    <row r="434" spans="1:25" x14ac:dyDescent="0.2">
      <c r="B434" s="72"/>
      <c r="C434" s="38" t="s">
        <v>43</v>
      </c>
      <c r="D434" s="44">
        <v>231</v>
      </c>
      <c r="E434" s="45">
        <v>2.2000000000000002</v>
      </c>
      <c r="F434" s="45">
        <v>12.6</v>
      </c>
      <c r="G434" s="45">
        <v>38.5</v>
      </c>
      <c r="H434" s="45">
        <v>20.8</v>
      </c>
      <c r="I434" s="45">
        <v>12.1</v>
      </c>
      <c r="J434" s="45">
        <v>13.9</v>
      </c>
      <c r="K434" s="45">
        <v>-16.3</v>
      </c>
      <c r="L434" s="55">
        <v>0</v>
      </c>
    </row>
    <row r="435" spans="1:25" x14ac:dyDescent="0.2">
      <c r="B435" s="72"/>
      <c r="C435" s="38" t="s">
        <v>44</v>
      </c>
      <c r="D435" s="44">
        <v>800</v>
      </c>
      <c r="E435" s="45">
        <v>2</v>
      </c>
      <c r="F435" s="45">
        <v>10.4</v>
      </c>
      <c r="G435" s="45">
        <v>42.8</v>
      </c>
      <c r="H435" s="45">
        <v>24.3</v>
      </c>
      <c r="I435" s="45">
        <v>11.8</v>
      </c>
      <c r="J435" s="45">
        <v>8.9</v>
      </c>
      <c r="K435" s="45">
        <v>-18.3</v>
      </c>
      <c r="L435" s="55">
        <v>0</v>
      </c>
    </row>
    <row r="436" spans="1:25" x14ac:dyDescent="0.2">
      <c r="B436" s="72"/>
      <c r="C436" s="38" t="s">
        <v>45</v>
      </c>
      <c r="D436" s="44">
        <v>240</v>
      </c>
      <c r="E436" s="45">
        <v>0.4</v>
      </c>
      <c r="F436" s="45">
        <v>10</v>
      </c>
      <c r="G436" s="45">
        <v>41.3</v>
      </c>
      <c r="H436" s="45">
        <v>20.8</v>
      </c>
      <c r="I436" s="45">
        <v>13.8</v>
      </c>
      <c r="J436" s="45">
        <v>13.8</v>
      </c>
      <c r="K436" s="45">
        <v>-21.7</v>
      </c>
      <c r="L436" s="55">
        <v>0</v>
      </c>
    </row>
    <row r="437" spans="1:25" x14ac:dyDescent="0.2">
      <c r="B437" s="72"/>
      <c r="C437" s="38" t="s">
        <v>46</v>
      </c>
      <c r="D437" s="44">
        <v>117</v>
      </c>
      <c r="E437" s="45">
        <v>0</v>
      </c>
      <c r="F437" s="45">
        <v>8.5</v>
      </c>
      <c r="G437" s="45">
        <v>47.9</v>
      </c>
      <c r="H437" s="45">
        <v>23.9</v>
      </c>
      <c r="I437" s="45">
        <v>9.4</v>
      </c>
      <c r="J437" s="45">
        <v>10.3</v>
      </c>
      <c r="K437" s="45">
        <v>-19</v>
      </c>
      <c r="L437" s="55">
        <v>0</v>
      </c>
    </row>
    <row r="438" spans="1:25" x14ac:dyDescent="0.2">
      <c r="B438" s="72"/>
      <c r="C438" s="38" t="s">
        <v>47</v>
      </c>
      <c r="D438" s="44">
        <v>461</v>
      </c>
      <c r="E438" s="45">
        <v>1.7</v>
      </c>
      <c r="F438" s="45">
        <v>11.7</v>
      </c>
      <c r="G438" s="45">
        <v>35.1</v>
      </c>
      <c r="H438" s="45">
        <v>26.9</v>
      </c>
      <c r="I438" s="45">
        <v>12.1</v>
      </c>
      <c r="J438" s="45">
        <v>12.4</v>
      </c>
      <c r="K438" s="45">
        <v>-20.5</v>
      </c>
      <c r="L438" s="55">
        <v>0</v>
      </c>
    </row>
    <row r="439" spans="1:25" ht="21.6" x14ac:dyDescent="0.2">
      <c r="B439" s="72"/>
      <c r="C439" s="39" t="s">
        <v>48</v>
      </c>
      <c r="D439" s="47">
        <v>2307</v>
      </c>
      <c r="E439" s="48">
        <v>1.5</v>
      </c>
      <c r="F439" s="48">
        <v>10.4</v>
      </c>
      <c r="G439" s="48">
        <v>41.5</v>
      </c>
      <c r="H439" s="48">
        <v>23.8</v>
      </c>
      <c r="I439" s="48">
        <v>12</v>
      </c>
      <c r="J439" s="48">
        <v>10.9</v>
      </c>
      <c r="K439" s="48">
        <v>-19.2</v>
      </c>
      <c r="L439" s="56">
        <v>0</v>
      </c>
    </row>
    <row r="440" spans="1:25" x14ac:dyDescent="0.2">
      <c r="B440" s="7" t="s">
        <v>49</v>
      </c>
      <c r="C440" s="4" t="s">
        <v>83</v>
      </c>
    </row>
    <row r="441" spans="1:25" x14ac:dyDescent="0.2">
      <c r="B441" s="4"/>
      <c r="C441" s="4" t="s">
        <v>51</v>
      </c>
    </row>
    <row r="443" spans="1:25" x14ac:dyDescent="0.2">
      <c r="A443" s="26" t="s">
        <v>25</v>
      </c>
      <c r="B443" t="s">
        <v>35</v>
      </c>
      <c r="C443" t="s">
        <v>35</v>
      </c>
    </row>
    <row r="444" spans="1:25" x14ac:dyDescent="0.2">
      <c r="B444" s="70" t="s">
        <v>84</v>
      </c>
      <c r="C444" s="71"/>
      <c r="D444" s="71"/>
      <c r="E444" s="71"/>
      <c r="F444" s="71"/>
      <c r="G444" s="71"/>
      <c r="H444" s="71"/>
      <c r="I444" s="71"/>
      <c r="J444" s="71"/>
      <c r="K444" s="71"/>
      <c r="L444" s="71"/>
      <c r="M444" s="71"/>
      <c r="N444" s="71"/>
      <c r="O444" s="71"/>
      <c r="P444" s="71"/>
      <c r="Q444" s="71"/>
      <c r="R444" s="71"/>
      <c r="S444" s="71"/>
      <c r="T444" s="71"/>
      <c r="U444" s="71"/>
      <c r="V444" s="71"/>
      <c r="W444" s="71"/>
      <c r="X444" s="71"/>
      <c r="Y444" s="71"/>
    </row>
    <row r="445" spans="1:25" s="32" customFormat="1" ht="36.450000000000003" customHeight="1" x14ac:dyDescent="0.15">
      <c r="A445" s="31"/>
      <c r="D445" s="33" t="s">
        <v>341</v>
      </c>
      <c r="E445" s="36" t="s">
        <v>487</v>
      </c>
      <c r="F445" s="51" t="s">
        <v>488</v>
      </c>
      <c r="G445" s="51" t="s">
        <v>489</v>
      </c>
      <c r="H445" s="37" t="s">
        <v>443</v>
      </c>
      <c r="I445" s="35" t="s">
        <v>344</v>
      </c>
    </row>
    <row r="446" spans="1:25" x14ac:dyDescent="0.2">
      <c r="B446" s="5"/>
      <c r="C446" s="40" t="s">
        <v>38</v>
      </c>
      <c r="D446" s="41">
        <v>4307</v>
      </c>
      <c r="E446" s="42">
        <v>13.4</v>
      </c>
      <c r="F446" s="42">
        <v>41.2</v>
      </c>
      <c r="G446" s="42">
        <v>34.6</v>
      </c>
      <c r="H446" s="43">
        <v>10.8</v>
      </c>
    </row>
    <row r="447" spans="1:25" x14ac:dyDescent="0.2">
      <c r="B447" s="72" t="s">
        <v>37</v>
      </c>
      <c r="C447" s="38" t="s">
        <v>39</v>
      </c>
      <c r="D447" s="44">
        <v>1325</v>
      </c>
      <c r="E447" s="45">
        <v>15.7</v>
      </c>
      <c r="F447" s="45">
        <v>41.4</v>
      </c>
      <c r="G447" s="45">
        <v>32.5</v>
      </c>
      <c r="H447" s="46">
        <v>10.4</v>
      </c>
    </row>
    <row r="448" spans="1:25" x14ac:dyDescent="0.2">
      <c r="B448" s="72"/>
      <c r="C448" s="38" t="s">
        <v>40</v>
      </c>
      <c r="D448" s="44">
        <v>675</v>
      </c>
      <c r="E448" s="45">
        <v>13.8</v>
      </c>
      <c r="F448" s="45">
        <v>39.9</v>
      </c>
      <c r="G448" s="45">
        <v>35</v>
      </c>
      <c r="H448" s="46">
        <v>11.4</v>
      </c>
    </row>
    <row r="449" spans="1:25" x14ac:dyDescent="0.2">
      <c r="B449" s="72"/>
      <c r="C449" s="38" t="s">
        <v>41</v>
      </c>
      <c r="D449" s="44">
        <v>168</v>
      </c>
      <c r="E449" s="45">
        <v>7.7</v>
      </c>
      <c r="F449" s="45">
        <v>49.4</v>
      </c>
      <c r="G449" s="45">
        <v>33.299999999999997</v>
      </c>
      <c r="H449" s="46">
        <v>9.5</v>
      </c>
    </row>
    <row r="450" spans="1:25" x14ac:dyDescent="0.2">
      <c r="B450" s="72"/>
      <c r="C450" s="38" t="s">
        <v>42</v>
      </c>
      <c r="D450" s="44">
        <v>290</v>
      </c>
      <c r="E450" s="45">
        <v>11</v>
      </c>
      <c r="F450" s="45">
        <v>43.4</v>
      </c>
      <c r="G450" s="45">
        <v>35.200000000000003</v>
      </c>
      <c r="H450" s="46">
        <v>10.3</v>
      </c>
    </row>
    <row r="451" spans="1:25" x14ac:dyDescent="0.2">
      <c r="B451" s="72"/>
      <c r="C451" s="38" t="s">
        <v>43</v>
      </c>
      <c r="D451" s="44">
        <v>231</v>
      </c>
      <c r="E451" s="45">
        <v>14.7</v>
      </c>
      <c r="F451" s="45">
        <v>38.5</v>
      </c>
      <c r="G451" s="45">
        <v>32.9</v>
      </c>
      <c r="H451" s="46">
        <v>13.9</v>
      </c>
    </row>
    <row r="452" spans="1:25" x14ac:dyDescent="0.2">
      <c r="B452" s="72"/>
      <c r="C452" s="38" t="s">
        <v>44</v>
      </c>
      <c r="D452" s="44">
        <v>800</v>
      </c>
      <c r="E452" s="45">
        <v>12.4</v>
      </c>
      <c r="F452" s="45">
        <v>42.8</v>
      </c>
      <c r="G452" s="45">
        <v>36</v>
      </c>
      <c r="H452" s="46">
        <v>8.9</v>
      </c>
    </row>
    <row r="453" spans="1:25" x14ac:dyDescent="0.2">
      <c r="B453" s="72"/>
      <c r="C453" s="38" t="s">
        <v>45</v>
      </c>
      <c r="D453" s="44">
        <v>240</v>
      </c>
      <c r="E453" s="45">
        <v>10.4</v>
      </c>
      <c r="F453" s="45">
        <v>41.3</v>
      </c>
      <c r="G453" s="45">
        <v>34.6</v>
      </c>
      <c r="H453" s="46">
        <v>13.8</v>
      </c>
    </row>
    <row r="454" spans="1:25" x14ac:dyDescent="0.2">
      <c r="B454" s="72"/>
      <c r="C454" s="38" t="s">
        <v>46</v>
      </c>
      <c r="D454" s="44">
        <v>117</v>
      </c>
      <c r="E454" s="45">
        <v>8.5</v>
      </c>
      <c r="F454" s="45">
        <v>47.9</v>
      </c>
      <c r="G454" s="45">
        <v>33.299999999999997</v>
      </c>
      <c r="H454" s="46">
        <v>10.3</v>
      </c>
    </row>
    <row r="455" spans="1:25" x14ac:dyDescent="0.2">
      <c r="B455" s="72"/>
      <c r="C455" s="38" t="s">
        <v>47</v>
      </c>
      <c r="D455" s="44">
        <v>461</v>
      </c>
      <c r="E455" s="45">
        <v>13.4</v>
      </c>
      <c r="F455" s="45">
        <v>35.1</v>
      </c>
      <c r="G455" s="45">
        <v>39</v>
      </c>
      <c r="H455" s="46">
        <v>12.4</v>
      </c>
    </row>
    <row r="456" spans="1:25" ht="21.6" x14ac:dyDescent="0.2">
      <c r="B456" s="72"/>
      <c r="C456" s="39" t="s">
        <v>48</v>
      </c>
      <c r="D456" s="47">
        <v>2307</v>
      </c>
      <c r="E456" s="48">
        <v>11.9</v>
      </c>
      <c r="F456" s="48">
        <v>41.5</v>
      </c>
      <c r="G456" s="48">
        <v>35.700000000000003</v>
      </c>
      <c r="H456" s="49">
        <v>10.9</v>
      </c>
    </row>
    <row r="458" spans="1:25" x14ac:dyDescent="0.2">
      <c r="A458" s="26" t="s">
        <v>25</v>
      </c>
      <c r="B458" t="s">
        <v>35</v>
      </c>
      <c r="C458" t="s">
        <v>35</v>
      </c>
    </row>
    <row r="459" spans="1:25" x14ac:dyDescent="0.2">
      <c r="B459" s="70" t="s">
        <v>85</v>
      </c>
      <c r="C459" s="71"/>
      <c r="D459" s="71"/>
      <c r="E459" s="71"/>
      <c r="F459" s="71"/>
      <c r="G459" s="71"/>
      <c r="H459" s="71"/>
      <c r="I459" s="71"/>
      <c r="J459" s="71"/>
      <c r="K459" s="71"/>
      <c r="L459" s="71"/>
      <c r="M459" s="71"/>
      <c r="N459" s="71"/>
      <c r="O459" s="71"/>
      <c r="P459" s="71"/>
      <c r="Q459" s="71"/>
      <c r="R459" s="71"/>
      <c r="S459" s="71"/>
      <c r="T459" s="71"/>
      <c r="U459" s="71"/>
      <c r="V459" s="71"/>
      <c r="W459" s="71"/>
      <c r="X459" s="71"/>
      <c r="Y459" s="71"/>
    </row>
    <row r="460" spans="1:25" s="32" customFormat="1" ht="47.25" customHeight="1" x14ac:dyDescent="0.15">
      <c r="A460" s="31"/>
      <c r="D460" s="33" t="s">
        <v>341</v>
      </c>
      <c r="E460" s="36" t="s">
        <v>490</v>
      </c>
      <c r="F460" s="51" t="s">
        <v>491</v>
      </c>
      <c r="G460" s="51" t="s">
        <v>484</v>
      </c>
      <c r="H460" s="51" t="s">
        <v>492</v>
      </c>
      <c r="I460" s="51" t="s">
        <v>493</v>
      </c>
      <c r="J460" s="51" t="s">
        <v>443</v>
      </c>
      <c r="K460" s="52" t="s">
        <v>350</v>
      </c>
      <c r="L460" s="53" t="s">
        <v>351</v>
      </c>
      <c r="M460" s="50" t="s">
        <v>344</v>
      </c>
    </row>
    <row r="461" spans="1:25" x14ac:dyDescent="0.2">
      <c r="B461" s="5"/>
      <c r="C461" s="40" t="s">
        <v>38</v>
      </c>
      <c r="D461" s="41">
        <v>4307</v>
      </c>
      <c r="E461" s="42">
        <v>2</v>
      </c>
      <c r="F461" s="42">
        <v>16.8</v>
      </c>
      <c r="G461" s="42">
        <v>46.3</v>
      </c>
      <c r="H461" s="42">
        <v>15.3</v>
      </c>
      <c r="I461" s="42">
        <v>5.8</v>
      </c>
      <c r="J461" s="42">
        <v>13.9</v>
      </c>
      <c r="K461" s="42">
        <v>-3.6</v>
      </c>
      <c r="L461" s="54">
        <v>0</v>
      </c>
    </row>
    <row r="462" spans="1:25" x14ac:dyDescent="0.2">
      <c r="B462" s="72" t="s">
        <v>37</v>
      </c>
      <c r="C462" s="38" t="s">
        <v>39</v>
      </c>
      <c r="D462" s="44">
        <v>1325</v>
      </c>
      <c r="E462" s="45">
        <v>2.4</v>
      </c>
      <c r="F462" s="45">
        <v>18.8</v>
      </c>
      <c r="G462" s="45">
        <v>46.8</v>
      </c>
      <c r="H462" s="45">
        <v>12.8</v>
      </c>
      <c r="I462" s="45">
        <v>5.5</v>
      </c>
      <c r="J462" s="45">
        <v>13.7</v>
      </c>
      <c r="K462" s="45">
        <v>-0.1</v>
      </c>
      <c r="L462" s="55">
        <v>0</v>
      </c>
    </row>
    <row r="463" spans="1:25" x14ac:dyDescent="0.2">
      <c r="B463" s="72"/>
      <c r="C463" s="38" t="s">
        <v>40</v>
      </c>
      <c r="D463" s="44">
        <v>675</v>
      </c>
      <c r="E463" s="45">
        <v>1.9</v>
      </c>
      <c r="F463" s="45">
        <v>18.8</v>
      </c>
      <c r="G463" s="45">
        <v>44</v>
      </c>
      <c r="H463" s="45">
        <v>15.3</v>
      </c>
      <c r="I463" s="45">
        <v>5.3</v>
      </c>
      <c r="J463" s="45">
        <v>14.7</v>
      </c>
      <c r="K463" s="45">
        <v>-1.9</v>
      </c>
      <c r="L463" s="55">
        <v>0</v>
      </c>
    </row>
    <row r="464" spans="1:25" x14ac:dyDescent="0.2">
      <c r="B464" s="72"/>
      <c r="C464" s="38" t="s">
        <v>41</v>
      </c>
      <c r="D464" s="44">
        <v>168</v>
      </c>
      <c r="E464" s="45">
        <v>0</v>
      </c>
      <c r="F464" s="45">
        <v>16.100000000000001</v>
      </c>
      <c r="G464" s="45">
        <v>56</v>
      </c>
      <c r="H464" s="45">
        <v>11.3</v>
      </c>
      <c r="I464" s="45">
        <v>4.8</v>
      </c>
      <c r="J464" s="45">
        <v>11.9</v>
      </c>
      <c r="K464" s="45">
        <v>-2.7</v>
      </c>
      <c r="L464" s="55">
        <v>0</v>
      </c>
    </row>
    <row r="465" spans="1:25" x14ac:dyDescent="0.2">
      <c r="B465" s="72"/>
      <c r="C465" s="38" t="s">
        <v>42</v>
      </c>
      <c r="D465" s="44">
        <v>290</v>
      </c>
      <c r="E465" s="45">
        <v>1.7</v>
      </c>
      <c r="F465" s="45">
        <v>13.4</v>
      </c>
      <c r="G465" s="45">
        <v>44.8</v>
      </c>
      <c r="H465" s="45">
        <v>17.899999999999999</v>
      </c>
      <c r="I465" s="45">
        <v>6.6</v>
      </c>
      <c r="J465" s="45">
        <v>15.5</v>
      </c>
      <c r="K465" s="45">
        <v>-8.4</v>
      </c>
      <c r="L465" s="55">
        <v>0</v>
      </c>
    </row>
    <row r="466" spans="1:25" x14ac:dyDescent="0.2">
      <c r="B466" s="72"/>
      <c r="C466" s="38" t="s">
        <v>43</v>
      </c>
      <c r="D466" s="44">
        <v>231</v>
      </c>
      <c r="E466" s="45">
        <v>1.3</v>
      </c>
      <c r="F466" s="45">
        <v>14.3</v>
      </c>
      <c r="G466" s="45">
        <v>46.8</v>
      </c>
      <c r="H466" s="45">
        <v>14.7</v>
      </c>
      <c r="I466" s="45">
        <v>7.4</v>
      </c>
      <c r="J466" s="45">
        <v>15.6</v>
      </c>
      <c r="K466" s="45">
        <v>-7.4</v>
      </c>
      <c r="L466" s="55">
        <v>0</v>
      </c>
    </row>
    <row r="467" spans="1:25" x14ac:dyDescent="0.2">
      <c r="B467" s="72"/>
      <c r="C467" s="38" t="s">
        <v>44</v>
      </c>
      <c r="D467" s="44">
        <v>800</v>
      </c>
      <c r="E467" s="45">
        <v>1.9</v>
      </c>
      <c r="F467" s="45">
        <v>14.1</v>
      </c>
      <c r="G467" s="45">
        <v>48.5</v>
      </c>
      <c r="H467" s="45">
        <v>16.899999999999999</v>
      </c>
      <c r="I467" s="45">
        <v>6.3</v>
      </c>
      <c r="J467" s="45">
        <v>12.4</v>
      </c>
      <c r="K467" s="45">
        <v>-6.6</v>
      </c>
      <c r="L467" s="55">
        <v>0</v>
      </c>
    </row>
    <row r="468" spans="1:25" x14ac:dyDescent="0.2">
      <c r="B468" s="72"/>
      <c r="C468" s="38" t="s">
        <v>45</v>
      </c>
      <c r="D468" s="44">
        <v>240</v>
      </c>
      <c r="E468" s="45">
        <v>1.3</v>
      </c>
      <c r="F468" s="45">
        <v>14.2</v>
      </c>
      <c r="G468" s="45">
        <v>45.8</v>
      </c>
      <c r="H468" s="45">
        <v>15.4</v>
      </c>
      <c r="I468" s="45">
        <v>6.7</v>
      </c>
      <c r="J468" s="45">
        <v>16.7</v>
      </c>
      <c r="K468" s="45">
        <v>-7.3</v>
      </c>
      <c r="L468" s="55">
        <v>0</v>
      </c>
    </row>
    <row r="469" spans="1:25" x14ac:dyDescent="0.2">
      <c r="B469" s="72"/>
      <c r="C469" s="38" t="s">
        <v>46</v>
      </c>
      <c r="D469" s="44">
        <v>117</v>
      </c>
      <c r="E469" s="45">
        <v>0.9</v>
      </c>
      <c r="F469" s="45">
        <v>17.899999999999999</v>
      </c>
      <c r="G469" s="45">
        <v>41</v>
      </c>
      <c r="H469" s="45">
        <v>21.4</v>
      </c>
      <c r="I469" s="45">
        <v>5.0999999999999996</v>
      </c>
      <c r="J469" s="45">
        <v>13.7</v>
      </c>
      <c r="K469" s="45">
        <v>-6.9</v>
      </c>
      <c r="L469" s="55">
        <v>0</v>
      </c>
    </row>
    <row r="470" spans="1:25" x14ac:dyDescent="0.2">
      <c r="B470" s="72"/>
      <c r="C470" s="38" t="s">
        <v>47</v>
      </c>
      <c r="D470" s="44">
        <v>461</v>
      </c>
      <c r="E470" s="45">
        <v>2.6</v>
      </c>
      <c r="F470" s="45">
        <v>17.100000000000001</v>
      </c>
      <c r="G470" s="45">
        <v>43</v>
      </c>
      <c r="H470" s="45">
        <v>18.399999999999999</v>
      </c>
      <c r="I470" s="45">
        <v>5.4</v>
      </c>
      <c r="J470" s="45">
        <v>13.4</v>
      </c>
      <c r="K470" s="45">
        <v>-4</v>
      </c>
      <c r="L470" s="55">
        <v>0</v>
      </c>
    </row>
    <row r="471" spans="1:25" ht="21.6" x14ac:dyDescent="0.2">
      <c r="B471" s="72"/>
      <c r="C471" s="39" t="s">
        <v>48</v>
      </c>
      <c r="D471" s="47">
        <v>2307</v>
      </c>
      <c r="E471" s="48">
        <v>1.7</v>
      </c>
      <c r="F471" s="48">
        <v>15</v>
      </c>
      <c r="G471" s="48">
        <v>46.6</v>
      </c>
      <c r="H471" s="48">
        <v>16.8</v>
      </c>
      <c r="I471" s="48">
        <v>6.1</v>
      </c>
      <c r="J471" s="48">
        <v>13.8</v>
      </c>
      <c r="K471" s="48">
        <v>-6.2</v>
      </c>
      <c r="L471" s="56">
        <v>0</v>
      </c>
    </row>
    <row r="472" spans="1:25" x14ac:dyDescent="0.2">
      <c r="B472" s="7" t="s">
        <v>49</v>
      </c>
      <c r="C472" s="4" t="s">
        <v>86</v>
      </c>
    </row>
    <row r="473" spans="1:25" x14ac:dyDescent="0.2">
      <c r="B473" s="4"/>
      <c r="C473" s="4" t="s">
        <v>51</v>
      </c>
    </row>
    <row r="475" spans="1:25" x14ac:dyDescent="0.2">
      <c r="A475" s="26" t="s">
        <v>25</v>
      </c>
      <c r="B475" t="s">
        <v>35</v>
      </c>
      <c r="C475" t="s">
        <v>35</v>
      </c>
    </row>
    <row r="476" spans="1:25" x14ac:dyDescent="0.2">
      <c r="B476" s="70" t="s">
        <v>87</v>
      </c>
      <c r="C476" s="71"/>
      <c r="D476" s="71"/>
      <c r="E476" s="71"/>
      <c r="F476" s="71"/>
      <c r="G476" s="71"/>
      <c r="H476" s="71"/>
      <c r="I476" s="71"/>
      <c r="J476" s="71"/>
      <c r="K476" s="71"/>
      <c r="L476" s="71"/>
      <c r="M476" s="71"/>
      <c r="N476" s="71"/>
      <c r="O476" s="71"/>
      <c r="P476" s="71"/>
      <c r="Q476" s="71"/>
      <c r="R476" s="71"/>
      <c r="S476" s="71"/>
      <c r="T476" s="71"/>
      <c r="U476" s="71"/>
      <c r="V476" s="71"/>
      <c r="W476" s="71"/>
      <c r="X476" s="71"/>
      <c r="Y476" s="71"/>
    </row>
    <row r="477" spans="1:25" s="32" customFormat="1" ht="36.450000000000003" customHeight="1" x14ac:dyDescent="0.15">
      <c r="A477" s="31"/>
      <c r="D477" s="33" t="s">
        <v>341</v>
      </c>
      <c r="E477" s="36" t="s">
        <v>494</v>
      </c>
      <c r="F477" s="51" t="s">
        <v>488</v>
      </c>
      <c r="G477" s="51" t="s">
        <v>495</v>
      </c>
      <c r="H477" s="37" t="s">
        <v>443</v>
      </c>
      <c r="I477" s="35" t="s">
        <v>344</v>
      </c>
    </row>
    <row r="478" spans="1:25" x14ac:dyDescent="0.2">
      <c r="B478" s="5"/>
      <c r="C478" s="40" t="s">
        <v>38</v>
      </c>
      <c r="D478" s="41">
        <v>4307</v>
      </c>
      <c r="E478" s="42">
        <v>18.7</v>
      </c>
      <c r="F478" s="42">
        <v>46.3</v>
      </c>
      <c r="G478" s="42">
        <v>21.1</v>
      </c>
      <c r="H478" s="43">
        <v>13.9</v>
      </c>
    </row>
    <row r="479" spans="1:25" x14ac:dyDescent="0.2">
      <c r="B479" s="72" t="s">
        <v>37</v>
      </c>
      <c r="C479" s="38" t="s">
        <v>39</v>
      </c>
      <c r="D479" s="44">
        <v>1325</v>
      </c>
      <c r="E479" s="45">
        <v>21.2</v>
      </c>
      <c r="F479" s="45">
        <v>46.8</v>
      </c>
      <c r="G479" s="45">
        <v>18.3</v>
      </c>
      <c r="H479" s="46">
        <v>13.7</v>
      </c>
    </row>
    <row r="480" spans="1:25" x14ac:dyDescent="0.2">
      <c r="B480" s="72"/>
      <c r="C480" s="38" t="s">
        <v>40</v>
      </c>
      <c r="D480" s="44">
        <v>675</v>
      </c>
      <c r="E480" s="45">
        <v>20.7</v>
      </c>
      <c r="F480" s="45">
        <v>44</v>
      </c>
      <c r="G480" s="45">
        <v>20.6</v>
      </c>
      <c r="H480" s="46">
        <v>14.7</v>
      </c>
    </row>
    <row r="481" spans="1:25" x14ac:dyDescent="0.2">
      <c r="B481" s="72"/>
      <c r="C481" s="38" t="s">
        <v>41</v>
      </c>
      <c r="D481" s="44">
        <v>168</v>
      </c>
      <c r="E481" s="45">
        <v>16.100000000000001</v>
      </c>
      <c r="F481" s="45">
        <v>56</v>
      </c>
      <c r="G481" s="45">
        <v>16.100000000000001</v>
      </c>
      <c r="H481" s="46">
        <v>11.9</v>
      </c>
    </row>
    <row r="482" spans="1:25" x14ac:dyDescent="0.2">
      <c r="B482" s="72"/>
      <c r="C482" s="38" t="s">
        <v>42</v>
      </c>
      <c r="D482" s="44">
        <v>290</v>
      </c>
      <c r="E482" s="45">
        <v>15.2</v>
      </c>
      <c r="F482" s="45">
        <v>44.8</v>
      </c>
      <c r="G482" s="45">
        <v>24.5</v>
      </c>
      <c r="H482" s="46">
        <v>15.5</v>
      </c>
    </row>
    <row r="483" spans="1:25" x14ac:dyDescent="0.2">
      <c r="B483" s="72"/>
      <c r="C483" s="38" t="s">
        <v>43</v>
      </c>
      <c r="D483" s="44">
        <v>231</v>
      </c>
      <c r="E483" s="45">
        <v>15.6</v>
      </c>
      <c r="F483" s="45">
        <v>46.8</v>
      </c>
      <c r="G483" s="45">
        <v>22.1</v>
      </c>
      <c r="H483" s="46">
        <v>15.6</v>
      </c>
    </row>
    <row r="484" spans="1:25" x14ac:dyDescent="0.2">
      <c r="B484" s="72"/>
      <c r="C484" s="38" t="s">
        <v>44</v>
      </c>
      <c r="D484" s="44">
        <v>800</v>
      </c>
      <c r="E484" s="45">
        <v>16</v>
      </c>
      <c r="F484" s="45">
        <v>48.5</v>
      </c>
      <c r="G484" s="45">
        <v>23.1</v>
      </c>
      <c r="H484" s="46">
        <v>12.4</v>
      </c>
    </row>
    <row r="485" spans="1:25" x14ac:dyDescent="0.2">
      <c r="B485" s="72"/>
      <c r="C485" s="38" t="s">
        <v>45</v>
      </c>
      <c r="D485" s="44">
        <v>240</v>
      </c>
      <c r="E485" s="45">
        <v>15.4</v>
      </c>
      <c r="F485" s="45">
        <v>45.8</v>
      </c>
      <c r="G485" s="45">
        <v>22.1</v>
      </c>
      <c r="H485" s="46">
        <v>16.7</v>
      </c>
    </row>
    <row r="486" spans="1:25" x14ac:dyDescent="0.2">
      <c r="B486" s="72"/>
      <c r="C486" s="38" t="s">
        <v>46</v>
      </c>
      <c r="D486" s="44">
        <v>117</v>
      </c>
      <c r="E486" s="45">
        <v>18.8</v>
      </c>
      <c r="F486" s="45">
        <v>41</v>
      </c>
      <c r="G486" s="45">
        <v>26.5</v>
      </c>
      <c r="H486" s="46">
        <v>13.7</v>
      </c>
    </row>
    <row r="487" spans="1:25" x14ac:dyDescent="0.2">
      <c r="B487" s="72"/>
      <c r="C487" s="38" t="s">
        <v>47</v>
      </c>
      <c r="D487" s="44">
        <v>461</v>
      </c>
      <c r="E487" s="45">
        <v>19.7</v>
      </c>
      <c r="F487" s="45">
        <v>43</v>
      </c>
      <c r="G487" s="45">
        <v>23.9</v>
      </c>
      <c r="H487" s="46">
        <v>13.4</v>
      </c>
    </row>
    <row r="488" spans="1:25" ht="21.6" x14ac:dyDescent="0.2">
      <c r="B488" s="72"/>
      <c r="C488" s="39" t="s">
        <v>48</v>
      </c>
      <c r="D488" s="47">
        <v>2307</v>
      </c>
      <c r="E488" s="48">
        <v>16.7</v>
      </c>
      <c r="F488" s="48">
        <v>46.6</v>
      </c>
      <c r="G488" s="48">
        <v>22.9</v>
      </c>
      <c r="H488" s="49">
        <v>13.8</v>
      </c>
    </row>
    <row r="490" spans="1:25" x14ac:dyDescent="0.2">
      <c r="A490" s="26" t="s">
        <v>25</v>
      </c>
      <c r="B490" t="s">
        <v>35</v>
      </c>
      <c r="C490" t="s">
        <v>35</v>
      </c>
    </row>
    <row r="491" spans="1:25" x14ac:dyDescent="0.2">
      <c r="B491" s="70" t="s">
        <v>88</v>
      </c>
      <c r="C491" s="71"/>
      <c r="D491" s="71"/>
      <c r="E491" s="71"/>
      <c r="F491" s="71"/>
      <c r="G491" s="71"/>
      <c r="H491" s="71"/>
      <c r="I491" s="71"/>
      <c r="J491" s="71"/>
      <c r="K491" s="71"/>
      <c r="L491" s="71"/>
      <c r="M491" s="71"/>
      <c r="N491" s="71"/>
      <c r="O491" s="71"/>
      <c r="P491" s="71"/>
      <c r="Q491" s="71"/>
      <c r="R491" s="71"/>
      <c r="S491" s="71"/>
      <c r="T491" s="71"/>
      <c r="U491" s="71"/>
      <c r="V491" s="71"/>
      <c r="W491" s="71"/>
      <c r="X491" s="71"/>
      <c r="Y491" s="71"/>
    </row>
    <row r="492" spans="1:25" s="32" customFormat="1" ht="47.25" customHeight="1" x14ac:dyDescent="0.15">
      <c r="A492" s="31"/>
      <c r="D492" s="33" t="s">
        <v>341</v>
      </c>
      <c r="E492" s="36" t="s">
        <v>496</v>
      </c>
      <c r="F492" s="51" t="s">
        <v>497</v>
      </c>
      <c r="G492" s="51" t="s">
        <v>484</v>
      </c>
      <c r="H492" s="51" t="s">
        <v>498</v>
      </c>
      <c r="I492" s="51" t="s">
        <v>499</v>
      </c>
      <c r="J492" s="51" t="s">
        <v>443</v>
      </c>
      <c r="K492" s="52" t="s">
        <v>350</v>
      </c>
      <c r="L492" s="53" t="s">
        <v>351</v>
      </c>
      <c r="M492" s="50" t="s">
        <v>344</v>
      </c>
    </row>
    <row r="493" spans="1:25" x14ac:dyDescent="0.2">
      <c r="B493" s="5"/>
      <c r="C493" s="40" t="s">
        <v>38</v>
      </c>
      <c r="D493" s="41">
        <v>4307</v>
      </c>
      <c r="E493" s="42">
        <v>1.4</v>
      </c>
      <c r="F493" s="42">
        <v>9.3000000000000007</v>
      </c>
      <c r="G493" s="42">
        <v>57.7</v>
      </c>
      <c r="H493" s="42">
        <v>14.1</v>
      </c>
      <c r="I493" s="42">
        <v>3.6</v>
      </c>
      <c r="J493" s="42">
        <v>13.9</v>
      </c>
      <c r="K493" s="42">
        <v>-5.4</v>
      </c>
      <c r="L493" s="54">
        <v>0</v>
      </c>
    </row>
    <row r="494" spans="1:25" x14ac:dyDescent="0.2">
      <c r="B494" s="72" t="s">
        <v>37</v>
      </c>
      <c r="C494" s="38" t="s">
        <v>39</v>
      </c>
      <c r="D494" s="44">
        <v>1325</v>
      </c>
      <c r="E494" s="45">
        <v>1.7</v>
      </c>
      <c r="F494" s="45">
        <v>9.9</v>
      </c>
      <c r="G494" s="45">
        <v>55.2</v>
      </c>
      <c r="H494" s="45">
        <v>14.6</v>
      </c>
      <c r="I494" s="45">
        <v>3.5</v>
      </c>
      <c r="J494" s="45">
        <v>15.1</v>
      </c>
      <c r="K494" s="45">
        <v>-4.8</v>
      </c>
      <c r="L494" s="55">
        <v>0</v>
      </c>
    </row>
    <row r="495" spans="1:25" x14ac:dyDescent="0.2">
      <c r="B495" s="72"/>
      <c r="C495" s="38" t="s">
        <v>40</v>
      </c>
      <c r="D495" s="44">
        <v>675</v>
      </c>
      <c r="E495" s="45">
        <v>1.6</v>
      </c>
      <c r="F495" s="45">
        <v>8.6999999999999993</v>
      </c>
      <c r="G495" s="45">
        <v>54.4</v>
      </c>
      <c r="H495" s="45">
        <v>14.2</v>
      </c>
      <c r="I495" s="45">
        <v>4.3</v>
      </c>
      <c r="J495" s="45">
        <v>16.7</v>
      </c>
      <c r="K495" s="45">
        <v>-6.5</v>
      </c>
      <c r="L495" s="55">
        <v>0</v>
      </c>
    </row>
    <row r="496" spans="1:25" x14ac:dyDescent="0.2">
      <c r="B496" s="72"/>
      <c r="C496" s="38" t="s">
        <v>41</v>
      </c>
      <c r="D496" s="44">
        <v>168</v>
      </c>
      <c r="E496" s="45">
        <v>0.6</v>
      </c>
      <c r="F496" s="45">
        <v>10.1</v>
      </c>
      <c r="G496" s="45">
        <v>61.9</v>
      </c>
      <c r="H496" s="45">
        <v>11.9</v>
      </c>
      <c r="I496" s="45">
        <v>3.6</v>
      </c>
      <c r="J496" s="45">
        <v>11.9</v>
      </c>
      <c r="K496" s="45">
        <v>-4.4000000000000004</v>
      </c>
      <c r="L496" s="55">
        <v>0</v>
      </c>
    </row>
    <row r="497" spans="1:25" x14ac:dyDescent="0.2">
      <c r="B497" s="72"/>
      <c r="C497" s="38" t="s">
        <v>42</v>
      </c>
      <c r="D497" s="44">
        <v>290</v>
      </c>
      <c r="E497" s="45">
        <v>1.4</v>
      </c>
      <c r="F497" s="45">
        <v>8.3000000000000007</v>
      </c>
      <c r="G497" s="45">
        <v>63.1</v>
      </c>
      <c r="H497" s="45">
        <v>13.1</v>
      </c>
      <c r="I497" s="45">
        <v>2.4</v>
      </c>
      <c r="J497" s="45">
        <v>11.7</v>
      </c>
      <c r="K497" s="45">
        <v>-3.9</v>
      </c>
      <c r="L497" s="55">
        <v>0</v>
      </c>
    </row>
    <row r="498" spans="1:25" x14ac:dyDescent="0.2">
      <c r="B498" s="72"/>
      <c r="C498" s="38" t="s">
        <v>43</v>
      </c>
      <c r="D498" s="44">
        <v>231</v>
      </c>
      <c r="E498" s="45">
        <v>0.4</v>
      </c>
      <c r="F498" s="45">
        <v>6.9</v>
      </c>
      <c r="G498" s="45">
        <v>58</v>
      </c>
      <c r="H498" s="45">
        <v>13.9</v>
      </c>
      <c r="I498" s="45">
        <v>5.2</v>
      </c>
      <c r="J498" s="45">
        <v>15.6</v>
      </c>
      <c r="K498" s="45">
        <v>-9.6999999999999993</v>
      </c>
      <c r="L498" s="55">
        <v>0</v>
      </c>
    </row>
    <row r="499" spans="1:25" x14ac:dyDescent="0.2">
      <c r="B499" s="72"/>
      <c r="C499" s="38" t="s">
        <v>44</v>
      </c>
      <c r="D499" s="44">
        <v>800</v>
      </c>
      <c r="E499" s="45">
        <v>1.9</v>
      </c>
      <c r="F499" s="45">
        <v>8</v>
      </c>
      <c r="G499" s="45">
        <v>60.9</v>
      </c>
      <c r="H499" s="45">
        <v>14.4</v>
      </c>
      <c r="I499" s="45">
        <v>2.8</v>
      </c>
      <c r="J499" s="45">
        <v>12.1</v>
      </c>
      <c r="K499" s="45">
        <v>-4.5999999999999996</v>
      </c>
      <c r="L499" s="55">
        <v>0</v>
      </c>
    </row>
    <row r="500" spans="1:25" x14ac:dyDescent="0.2">
      <c r="B500" s="72"/>
      <c r="C500" s="38" t="s">
        <v>45</v>
      </c>
      <c r="D500" s="44">
        <v>240</v>
      </c>
      <c r="E500" s="45">
        <v>1.3</v>
      </c>
      <c r="F500" s="45">
        <v>10.8</v>
      </c>
      <c r="G500" s="45">
        <v>62.9</v>
      </c>
      <c r="H500" s="45">
        <v>12.5</v>
      </c>
      <c r="I500" s="45">
        <v>1.7</v>
      </c>
      <c r="J500" s="45">
        <v>10.8</v>
      </c>
      <c r="K500" s="45">
        <v>-1.4</v>
      </c>
      <c r="L500" s="55">
        <v>0</v>
      </c>
    </row>
    <row r="501" spans="1:25" x14ac:dyDescent="0.2">
      <c r="B501" s="72"/>
      <c r="C501" s="38" t="s">
        <v>46</v>
      </c>
      <c r="D501" s="44">
        <v>117</v>
      </c>
      <c r="E501" s="45">
        <v>0</v>
      </c>
      <c r="F501" s="45">
        <v>12.8</v>
      </c>
      <c r="G501" s="45">
        <v>62.4</v>
      </c>
      <c r="H501" s="45">
        <v>11.1</v>
      </c>
      <c r="I501" s="45">
        <v>2.6</v>
      </c>
      <c r="J501" s="45">
        <v>11.1</v>
      </c>
      <c r="K501" s="45">
        <v>-1.9</v>
      </c>
      <c r="L501" s="55">
        <v>0</v>
      </c>
    </row>
    <row r="502" spans="1:25" x14ac:dyDescent="0.2">
      <c r="B502" s="72"/>
      <c r="C502" s="38" t="s">
        <v>47</v>
      </c>
      <c r="D502" s="44">
        <v>461</v>
      </c>
      <c r="E502" s="45">
        <v>0.7</v>
      </c>
      <c r="F502" s="45">
        <v>10.4</v>
      </c>
      <c r="G502" s="45">
        <v>55.3</v>
      </c>
      <c r="H502" s="45">
        <v>15</v>
      </c>
      <c r="I502" s="45">
        <v>5.9</v>
      </c>
      <c r="J502" s="45">
        <v>12.8</v>
      </c>
      <c r="K502" s="45">
        <v>-8.6</v>
      </c>
      <c r="L502" s="55">
        <v>0</v>
      </c>
    </row>
    <row r="503" spans="1:25" ht="21.6" x14ac:dyDescent="0.2">
      <c r="B503" s="72"/>
      <c r="C503" s="39" t="s">
        <v>48</v>
      </c>
      <c r="D503" s="47">
        <v>2307</v>
      </c>
      <c r="E503" s="48">
        <v>1.2</v>
      </c>
      <c r="F503" s="48">
        <v>9.1</v>
      </c>
      <c r="G503" s="48">
        <v>60.1</v>
      </c>
      <c r="H503" s="48">
        <v>13.7</v>
      </c>
      <c r="I503" s="48">
        <v>3.5</v>
      </c>
      <c r="J503" s="48">
        <v>12.4</v>
      </c>
      <c r="K503" s="48">
        <v>-5.3</v>
      </c>
      <c r="L503" s="56">
        <v>0</v>
      </c>
    </row>
    <row r="504" spans="1:25" x14ac:dyDescent="0.2">
      <c r="B504" s="7" t="s">
        <v>49</v>
      </c>
      <c r="C504" s="4" t="s">
        <v>89</v>
      </c>
    </row>
    <row r="505" spans="1:25" x14ac:dyDescent="0.2">
      <c r="B505" s="4"/>
      <c r="C505" s="4" t="s">
        <v>51</v>
      </c>
    </row>
    <row r="507" spans="1:25" x14ac:dyDescent="0.2">
      <c r="A507" s="26" t="s">
        <v>25</v>
      </c>
      <c r="B507" t="s">
        <v>35</v>
      </c>
      <c r="C507" t="s">
        <v>35</v>
      </c>
    </row>
    <row r="508" spans="1:25" x14ac:dyDescent="0.2">
      <c r="B508" s="70" t="s">
        <v>90</v>
      </c>
      <c r="C508" s="71"/>
      <c r="D508" s="71"/>
      <c r="E508" s="71"/>
      <c r="F508" s="71"/>
      <c r="G508" s="71"/>
      <c r="H508" s="71"/>
      <c r="I508" s="71"/>
      <c r="J508" s="71"/>
      <c r="K508" s="71"/>
      <c r="L508" s="71"/>
      <c r="M508" s="71"/>
      <c r="N508" s="71"/>
      <c r="O508" s="71"/>
      <c r="P508" s="71"/>
      <c r="Q508" s="71"/>
      <c r="R508" s="71"/>
      <c r="S508" s="71"/>
      <c r="T508" s="71"/>
      <c r="U508" s="71"/>
      <c r="V508" s="71"/>
      <c r="W508" s="71"/>
      <c r="X508" s="71"/>
      <c r="Y508" s="71"/>
    </row>
    <row r="509" spans="1:25" s="32" customFormat="1" ht="47.25" customHeight="1" x14ac:dyDescent="0.15">
      <c r="A509" s="31"/>
      <c r="D509" s="33" t="s">
        <v>341</v>
      </c>
      <c r="E509" s="36" t="s">
        <v>496</v>
      </c>
      <c r="F509" s="51" t="s">
        <v>497</v>
      </c>
      <c r="G509" s="51" t="s">
        <v>484</v>
      </c>
      <c r="H509" s="51" t="s">
        <v>498</v>
      </c>
      <c r="I509" s="51" t="s">
        <v>499</v>
      </c>
      <c r="J509" s="51" t="s">
        <v>443</v>
      </c>
      <c r="K509" s="52" t="s">
        <v>350</v>
      </c>
      <c r="L509" s="53" t="s">
        <v>351</v>
      </c>
      <c r="M509" s="50" t="s">
        <v>344</v>
      </c>
    </row>
    <row r="510" spans="1:25" x14ac:dyDescent="0.2">
      <c r="B510" s="5"/>
      <c r="C510" s="40" t="s">
        <v>38</v>
      </c>
      <c r="D510" s="41">
        <v>4307</v>
      </c>
      <c r="E510" s="42">
        <v>1.4</v>
      </c>
      <c r="F510" s="42">
        <v>8.9</v>
      </c>
      <c r="G510" s="42">
        <v>56.4</v>
      </c>
      <c r="H510" s="42">
        <v>13.8</v>
      </c>
      <c r="I510" s="42">
        <v>5</v>
      </c>
      <c r="J510" s="42">
        <v>14.6</v>
      </c>
      <c r="K510" s="42">
        <v>-7.1</v>
      </c>
      <c r="L510" s="54">
        <v>0</v>
      </c>
    </row>
    <row r="511" spans="1:25" x14ac:dyDescent="0.2">
      <c r="B511" s="72" t="s">
        <v>37</v>
      </c>
      <c r="C511" s="38" t="s">
        <v>39</v>
      </c>
      <c r="D511" s="44">
        <v>1325</v>
      </c>
      <c r="E511" s="45">
        <v>1.6</v>
      </c>
      <c r="F511" s="45">
        <v>8.3000000000000007</v>
      </c>
      <c r="G511" s="45">
        <v>54.4</v>
      </c>
      <c r="H511" s="45">
        <v>14.3</v>
      </c>
      <c r="I511" s="45">
        <v>5.7</v>
      </c>
      <c r="J511" s="45">
        <v>15.7</v>
      </c>
      <c r="K511" s="45">
        <v>-8.4</v>
      </c>
      <c r="L511" s="55">
        <v>0</v>
      </c>
    </row>
    <row r="512" spans="1:25" x14ac:dyDescent="0.2">
      <c r="B512" s="72"/>
      <c r="C512" s="38" t="s">
        <v>40</v>
      </c>
      <c r="D512" s="44">
        <v>675</v>
      </c>
      <c r="E512" s="45">
        <v>1.3</v>
      </c>
      <c r="F512" s="45">
        <v>9.3000000000000007</v>
      </c>
      <c r="G512" s="45">
        <v>53.5</v>
      </c>
      <c r="H512" s="45">
        <v>13.8</v>
      </c>
      <c r="I512" s="45">
        <v>4.0999999999999996</v>
      </c>
      <c r="J512" s="45">
        <v>17.899999999999999</v>
      </c>
      <c r="K512" s="45">
        <v>-6.1</v>
      </c>
      <c r="L512" s="55">
        <v>0</v>
      </c>
    </row>
    <row r="513" spans="1:25" x14ac:dyDescent="0.2">
      <c r="B513" s="72"/>
      <c r="C513" s="38" t="s">
        <v>41</v>
      </c>
      <c r="D513" s="44">
        <v>168</v>
      </c>
      <c r="E513" s="45">
        <v>0.6</v>
      </c>
      <c r="F513" s="45">
        <v>8.3000000000000007</v>
      </c>
      <c r="G513" s="45">
        <v>61.3</v>
      </c>
      <c r="H513" s="45">
        <v>13.1</v>
      </c>
      <c r="I513" s="45">
        <v>5.4</v>
      </c>
      <c r="J513" s="45">
        <v>11.3</v>
      </c>
      <c r="K513" s="45">
        <v>-8.1</v>
      </c>
      <c r="L513" s="55">
        <v>0</v>
      </c>
    </row>
    <row r="514" spans="1:25" x14ac:dyDescent="0.2">
      <c r="B514" s="72"/>
      <c r="C514" s="38" t="s">
        <v>42</v>
      </c>
      <c r="D514" s="44">
        <v>290</v>
      </c>
      <c r="E514" s="45">
        <v>0.7</v>
      </c>
      <c r="F514" s="45">
        <v>7.6</v>
      </c>
      <c r="G514" s="45">
        <v>63.1</v>
      </c>
      <c r="H514" s="45">
        <v>12.1</v>
      </c>
      <c r="I514" s="45">
        <v>4.0999999999999996</v>
      </c>
      <c r="J514" s="45">
        <v>12.4</v>
      </c>
      <c r="K514" s="45">
        <v>-6.5</v>
      </c>
      <c r="L514" s="55">
        <v>0</v>
      </c>
    </row>
    <row r="515" spans="1:25" x14ac:dyDescent="0.2">
      <c r="B515" s="72"/>
      <c r="C515" s="38" t="s">
        <v>43</v>
      </c>
      <c r="D515" s="44">
        <v>231</v>
      </c>
      <c r="E515" s="45">
        <v>0.9</v>
      </c>
      <c r="F515" s="45">
        <v>13</v>
      </c>
      <c r="G515" s="45">
        <v>55</v>
      </c>
      <c r="H515" s="45">
        <v>10</v>
      </c>
      <c r="I515" s="45">
        <v>5.6</v>
      </c>
      <c r="J515" s="45">
        <v>15.6</v>
      </c>
      <c r="K515" s="45">
        <v>-3.8</v>
      </c>
      <c r="L515" s="55">
        <v>0</v>
      </c>
    </row>
    <row r="516" spans="1:25" x14ac:dyDescent="0.2">
      <c r="B516" s="72"/>
      <c r="C516" s="38" t="s">
        <v>44</v>
      </c>
      <c r="D516" s="44">
        <v>800</v>
      </c>
      <c r="E516" s="45">
        <v>2</v>
      </c>
      <c r="F516" s="45">
        <v>8.6</v>
      </c>
      <c r="G516" s="45">
        <v>56.4</v>
      </c>
      <c r="H516" s="45">
        <v>14.6</v>
      </c>
      <c r="I516" s="45">
        <v>5</v>
      </c>
      <c r="J516" s="45">
        <v>13.4</v>
      </c>
      <c r="K516" s="45">
        <v>-6.9</v>
      </c>
      <c r="L516" s="55">
        <v>0</v>
      </c>
    </row>
    <row r="517" spans="1:25" x14ac:dyDescent="0.2">
      <c r="B517" s="72"/>
      <c r="C517" s="38" t="s">
        <v>45</v>
      </c>
      <c r="D517" s="44">
        <v>240</v>
      </c>
      <c r="E517" s="45">
        <v>0.8</v>
      </c>
      <c r="F517" s="45">
        <v>9.1999999999999993</v>
      </c>
      <c r="G517" s="45">
        <v>65</v>
      </c>
      <c r="H517" s="45">
        <v>12.5</v>
      </c>
      <c r="I517" s="45">
        <v>3.3</v>
      </c>
      <c r="J517" s="45">
        <v>9.1999999999999993</v>
      </c>
      <c r="K517" s="45">
        <v>-4.5999999999999996</v>
      </c>
      <c r="L517" s="55">
        <v>0</v>
      </c>
    </row>
    <row r="518" spans="1:25" x14ac:dyDescent="0.2">
      <c r="B518" s="72"/>
      <c r="C518" s="38" t="s">
        <v>46</v>
      </c>
      <c r="D518" s="44">
        <v>117</v>
      </c>
      <c r="E518" s="45">
        <v>0.9</v>
      </c>
      <c r="F518" s="45">
        <v>6</v>
      </c>
      <c r="G518" s="45">
        <v>66.7</v>
      </c>
      <c r="H518" s="45">
        <v>9.4</v>
      </c>
      <c r="I518" s="45">
        <v>2.6</v>
      </c>
      <c r="J518" s="45">
        <v>14.5</v>
      </c>
      <c r="K518" s="45">
        <v>-4</v>
      </c>
      <c r="L518" s="55">
        <v>0</v>
      </c>
    </row>
    <row r="519" spans="1:25" x14ac:dyDescent="0.2">
      <c r="B519" s="72"/>
      <c r="C519" s="38" t="s">
        <v>47</v>
      </c>
      <c r="D519" s="44">
        <v>461</v>
      </c>
      <c r="E519" s="45">
        <v>1.5</v>
      </c>
      <c r="F519" s="45">
        <v>9.8000000000000007</v>
      </c>
      <c r="G519" s="45">
        <v>53.8</v>
      </c>
      <c r="H519" s="45">
        <v>15.8</v>
      </c>
      <c r="I519" s="45">
        <v>5.9</v>
      </c>
      <c r="J519" s="45">
        <v>13.2</v>
      </c>
      <c r="K519" s="45">
        <v>-8.5</v>
      </c>
      <c r="L519" s="55">
        <v>0</v>
      </c>
    </row>
    <row r="520" spans="1:25" ht="21.6" x14ac:dyDescent="0.2">
      <c r="B520" s="72"/>
      <c r="C520" s="39" t="s">
        <v>48</v>
      </c>
      <c r="D520" s="47">
        <v>2307</v>
      </c>
      <c r="E520" s="48">
        <v>1.3</v>
      </c>
      <c r="F520" s="48">
        <v>9.1</v>
      </c>
      <c r="G520" s="48">
        <v>58.3</v>
      </c>
      <c r="H520" s="48">
        <v>13.5</v>
      </c>
      <c r="I520" s="48">
        <v>4.9000000000000004</v>
      </c>
      <c r="J520" s="48">
        <v>12.9</v>
      </c>
      <c r="K520" s="48">
        <v>-6.6</v>
      </c>
      <c r="L520" s="56">
        <v>0</v>
      </c>
    </row>
    <row r="521" spans="1:25" x14ac:dyDescent="0.2">
      <c r="B521" s="7" t="s">
        <v>49</v>
      </c>
      <c r="C521" s="4" t="s">
        <v>91</v>
      </c>
    </row>
    <row r="522" spans="1:25" x14ac:dyDescent="0.2">
      <c r="B522" s="4"/>
      <c r="C522" s="4" t="s">
        <v>51</v>
      </c>
    </row>
    <row r="524" spans="1:25" x14ac:dyDescent="0.2">
      <c r="A524" s="26" t="s">
        <v>25</v>
      </c>
      <c r="B524" t="s">
        <v>35</v>
      </c>
      <c r="C524" t="s">
        <v>35</v>
      </c>
    </row>
    <row r="525" spans="1:25" x14ac:dyDescent="0.2">
      <c r="B525" s="70" t="s">
        <v>92</v>
      </c>
      <c r="C525" s="71"/>
      <c r="D525" s="71"/>
      <c r="E525" s="71"/>
      <c r="F525" s="71"/>
      <c r="G525" s="71"/>
      <c r="H525" s="71"/>
      <c r="I525" s="71"/>
      <c r="J525" s="71"/>
      <c r="K525" s="71"/>
      <c r="L525" s="71"/>
      <c r="M525" s="71"/>
      <c r="N525" s="71"/>
      <c r="O525" s="71"/>
      <c r="P525" s="71"/>
      <c r="Q525" s="71"/>
      <c r="R525" s="71"/>
      <c r="S525" s="71"/>
      <c r="T525" s="71"/>
      <c r="U525" s="71"/>
      <c r="V525" s="71"/>
      <c r="W525" s="71"/>
      <c r="X525" s="71"/>
      <c r="Y525" s="71"/>
    </row>
    <row r="526" spans="1:25" s="32" customFormat="1" ht="36.450000000000003" customHeight="1" x14ac:dyDescent="0.15">
      <c r="A526" s="31"/>
      <c r="D526" s="33" t="s">
        <v>341</v>
      </c>
      <c r="E526" s="36" t="s">
        <v>500</v>
      </c>
      <c r="F526" s="51" t="s">
        <v>488</v>
      </c>
      <c r="G526" s="51" t="s">
        <v>501</v>
      </c>
      <c r="H526" s="37" t="s">
        <v>443</v>
      </c>
      <c r="I526" s="35" t="s">
        <v>344</v>
      </c>
    </row>
    <row r="527" spans="1:25" x14ac:dyDescent="0.2">
      <c r="B527" s="5"/>
      <c r="C527" s="40" t="s">
        <v>38</v>
      </c>
      <c r="D527" s="41">
        <v>4307</v>
      </c>
      <c r="E527" s="42">
        <v>10.7</v>
      </c>
      <c r="F527" s="42">
        <v>57.7</v>
      </c>
      <c r="G527" s="42">
        <v>17.7</v>
      </c>
      <c r="H527" s="43">
        <v>13.9</v>
      </c>
    </row>
    <row r="528" spans="1:25" x14ac:dyDescent="0.2">
      <c r="B528" s="72" t="s">
        <v>37</v>
      </c>
      <c r="C528" s="38" t="s">
        <v>39</v>
      </c>
      <c r="D528" s="44">
        <v>1325</v>
      </c>
      <c r="E528" s="45">
        <v>11.6</v>
      </c>
      <c r="F528" s="45">
        <v>55.2</v>
      </c>
      <c r="G528" s="45">
        <v>18.100000000000001</v>
      </c>
      <c r="H528" s="46">
        <v>15.1</v>
      </c>
    </row>
    <row r="529" spans="1:25" x14ac:dyDescent="0.2">
      <c r="B529" s="72"/>
      <c r="C529" s="38" t="s">
        <v>40</v>
      </c>
      <c r="D529" s="44">
        <v>675</v>
      </c>
      <c r="E529" s="45">
        <v>10.4</v>
      </c>
      <c r="F529" s="45">
        <v>54.4</v>
      </c>
      <c r="G529" s="45">
        <v>18.5</v>
      </c>
      <c r="H529" s="46">
        <v>16.7</v>
      </c>
    </row>
    <row r="530" spans="1:25" x14ac:dyDescent="0.2">
      <c r="B530" s="72"/>
      <c r="C530" s="38" t="s">
        <v>41</v>
      </c>
      <c r="D530" s="44">
        <v>168</v>
      </c>
      <c r="E530" s="45">
        <v>10.7</v>
      </c>
      <c r="F530" s="45">
        <v>61.9</v>
      </c>
      <c r="G530" s="45">
        <v>15.5</v>
      </c>
      <c r="H530" s="46">
        <v>11.9</v>
      </c>
    </row>
    <row r="531" spans="1:25" x14ac:dyDescent="0.2">
      <c r="B531" s="72"/>
      <c r="C531" s="38" t="s">
        <v>42</v>
      </c>
      <c r="D531" s="44">
        <v>290</v>
      </c>
      <c r="E531" s="45">
        <v>9.6999999999999993</v>
      </c>
      <c r="F531" s="45">
        <v>63.1</v>
      </c>
      <c r="G531" s="45">
        <v>15.5</v>
      </c>
      <c r="H531" s="46">
        <v>11.7</v>
      </c>
    </row>
    <row r="532" spans="1:25" x14ac:dyDescent="0.2">
      <c r="B532" s="72"/>
      <c r="C532" s="38" t="s">
        <v>43</v>
      </c>
      <c r="D532" s="44">
        <v>231</v>
      </c>
      <c r="E532" s="45">
        <v>7.4</v>
      </c>
      <c r="F532" s="45">
        <v>58</v>
      </c>
      <c r="G532" s="45">
        <v>19</v>
      </c>
      <c r="H532" s="46">
        <v>15.6</v>
      </c>
    </row>
    <row r="533" spans="1:25" x14ac:dyDescent="0.2">
      <c r="B533" s="72"/>
      <c r="C533" s="38" t="s">
        <v>44</v>
      </c>
      <c r="D533" s="44">
        <v>800</v>
      </c>
      <c r="E533" s="45">
        <v>9.9</v>
      </c>
      <c r="F533" s="45">
        <v>60.9</v>
      </c>
      <c r="G533" s="45">
        <v>17.100000000000001</v>
      </c>
      <c r="H533" s="46">
        <v>12.1</v>
      </c>
    </row>
    <row r="534" spans="1:25" x14ac:dyDescent="0.2">
      <c r="B534" s="72"/>
      <c r="C534" s="38" t="s">
        <v>45</v>
      </c>
      <c r="D534" s="44">
        <v>240</v>
      </c>
      <c r="E534" s="45">
        <v>12.1</v>
      </c>
      <c r="F534" s="45">
        <v>62.9</v>
      </c>
      <c r="G534" s="45">
        <v>14.2</v>
      </c>
      <c r="H534" s="46">
        <v>10.8</v>
      </c>
    </row>
    <row r="535" spans="1:25" x14ac:dyDescent="0.2">
      <c r="B535" s="72"/>
      <c r="C535" s="38" t="s">
        <v>46</v>
      </c>
      <c r="D535" s="44">
        <v>117</v>
      </c>
      <c r="E535" s="45">
        <v>12.8</v>
      </c>
      <c r="F535" s="45">
        <v>62.4</v>
      </c>
      <c r="G535" s="45">
        <v>13.7</v>
      </c>
      <c r="H535" s="46">
        <v>11.1</v>
      </c>
    </row>
    <row r="536" spans="1:25" x14ac:dyDescent="0.2">
      <c r="B536" s="72"/>
      <c r="C536" s="38" t="s">
        <v>47</v>
      </c>
      <c r="D536" s="44">
        <v>461</v>
      </c>
      <c r="E536" s="45">
        <v>11.1</v>
      </c>
      <c r="F536" s="45">
        <v>55.3</v>
      </c>
      <c r="G536" s="45">
        <v>20.8</v>
      </c>
      <c r="H536" s="46">
        <v>12.8</v>
      </c>
    </row>
    <row r="537" spans="1:25" ht="21.6" x14ac:dyDescent="0.2">
      <c r="B537" s="72"/>
      <c r="C537" s="39" t="s">
        <v>48</v>
      </c>
      <c r="D537" s="47">
        <v>2307</v>
      </c>
      <c r="E537" s="48">
        <v>10.3</v>
      </c>
      <c r="F537" s="48">
        <v>60.1</v>
      </c>
      <c r="G537" s="48">
        <v>17.3</v>
      </c>
      <c r="H537" s="49">
        <v>12.4</v>
      </c>
    </row>
    <row r="539" spans="1:25" x14ac:dyDescent="0.2">
      <c r="A539" s="26" t="s">
        <v>25</v>
      </c>
      <c r="B539" t="s">
        <v>35</v>
      </c>
      <c r="C539" t="s">
        <v>35</v>
      </c>
    </row>
    <row r="540" spans="1:25" x14ac:dyDescent="0.2">
      <c r="B540" s="70" t="s">
        <v>93</v>
      </c>
      <c r="C540" s="71"/>
      <c r="D540" s="71"/>
      <c r="E540" s="71"/>
      <c r="F540" s="71"/>
      <c r="G540" s="71"/>
      <c r="H540" s="71"/>
      <c r="I540" s="71"/>
      <c r="J540" s="71"/>
      <c r="K540" s="71"/>
      <c r="L540" s="71"/>
      <c r="M540" s="71"/>
      <c r="N540" s="71"/>
      <c r="O540" s="71"/>
      <c r="P540" s="71"/>
      <c r="Q540" s="71"/>
      <c r="R540" s="71"/>
      <c r="S540" s="71"/>
      <c r="T540" s="71"/>
      <c r="U540" s="71"/>
      <c r="V540" s="71"/>
      <c r="W540" s="71"/>
      <c r="X540" s="71"/>
      <c r="Y540" s="71"/>
    </row>
    <row r="541" spans="1:25" s="32" customFormat="1" ht="36.450000000000003" customHeight="1" x14ac:dyDescent="0.15">
      <c r="A541" s="31"/>
      <c r="D541" s="33" t="s">
        <v>341</v>
      </c>
      <c r="E541" s="36" t="s">
        <v>500</v>
      </c>
      <c r="F541" s="51" t="s">
        <v>488</v>
      </c>
      <c r="G541" s="51" t="s">
        <v>501</v>
      </c>
      <c r="H541" s="37" t="s">
        <v>443</v>
      </c>
      <c r="I541" s="35" t="s">
        <v>344</v>
      </c>
    </row>
    <row r="542" spans="1:25" x14ac:dyDescent="0.2">
      <c r="B542" s="5"/>
      <c r="C542" s="40" t="s">
        <v>38</v>
      </c>
      <c r="D542" s="41">
        <v>4307</v>
      </c>
      <c r="E542" s="42">
        <v>10.3</v>
      </c>
      <c r="F542" s="42">
        <v>56.4</v>
      </c>
      <c r="G542" s="42">
        <v>18.8</v>
      </c>
      <c r="H542" s="43">
        <v>14.6</v>
      </c>
    </row>
    <row r="543" spans="1:25" x14ac:dyDescent="0.2">
      <c r="B543" s="72" t="s">
        <v>37</v>
      </c>
      <c r="C543" s="38" t="s">
        <v>39</v>
      </c>
      <c r="D543" s="44">
        <v>1325</v>
      </c>
      <c r="E543" s="45">
        <v>9.9</v>
      </c>
      <c r="F543" s="45">
        <v>54.4</v>
      </c>
      <c r="G543" s="45">
        <v>20</v>
      </c>
      <c r="H543" s="46">
        <v>15.7</v>
      </c>
    </row>
    <row r="544" spans="1:25" x14ac:dyDescent="0.2">
      <c r="B544" s="72"/>
      <c r="C544" s="38" t="s">
        <v>40</v>
      </c>
      <c r="D544" s="44">
        <v>675</v>
      </c>
      <c r="E544" s="45">
        <v>10.7</v>
      </c>
      <c r="F544" s="45">
        <v>53.5</v>
      </c>
      <c r="G544" s="45">
        <v>17.899999999999999</v>
      </c>
      <c r="H544" s="46">
        <v>17.899999999999999</v>
      </c>
    </row>
    <row r="545" spans="1:25" x14ac:dyDescent="0.2">
      <c r="B545" s="72"/>
      <c r="C545" s="38" t="s">
        <v>41</v>
      </c>
      <c r="D545" s="44">
        <v>168</v>
      </c>
      <c r="E545" s="45">
        <v>8.9</v>
      </c>
      <c r="F545" s="45">
        <v>61.3</v>
      </c>
      <c r="G545" s="45">
        <v>18.5</v>
      </c>
      <c r="H545" s="46">
        <v>11.3</v>
      </c>
    </row>
    <row r="546" spans="1:25" x14ac:dyDescent="0.2">
      <c r="B546" s="72"/>
      <c r="C546" s="38" t="s">
        <v>42</v>
      </c>
      <c r="D546" s="44">
        <v>290</v>
      </c>
      <c r="E546" s="45">
        <v>8.3000000000000007</v>
      </c>
      <c r="F546" s="45">
        <v>63.1</v>
      </c>
      <c r="G546" s="45">
        <v>16.2</v>
      </c>
      <c r="H546" s="46">
        <v>12.4</v>
      </c>
    </row>
    <row r="547" spans="1:25" x14ac:dyDescent="0.2">
      <c r="B547" s="72"/>
      <c r="C547" s="38" t="s">
        <v>43</v>
      </c>
      <c r="D547" s="44">
        <v>231</v>
      </c>
      <c r="E547" s="45">
        <v>13.9</v>
      </c>
      <c r="F547" s="45">
        <v>55</v>
      </c>
      <c r="G547" s="45">
        <v>15.6</v>
      </c>
      <c r="H547" s="46">
        <v>15.6</v>
      </c>
    </row>
    <row r="548" spans="1:25" x14ac:dyDescent="0.2">
      <c r="B548" s="72"/>
      <c r="C548" s="38" t="s">
        <v>44</v>
      </c>
      <c r="D548" s="44">
        <v>800</v>
      </c>
      <c r="E548" s="45">
        <v>10.6</v>
      </c>
      <c r="F548" s="45">
        <v>56.4</v>
      </c>
      <c r="G548" s="45">
        <v>19.600000000000001</v>
      </c>
      <c r="H548" s="46">
        <v>13.4</v>
      </c>
    </row>
    <row r="549" spans="1:25" x14ac:dyDescent="0.2">
      <c r="B549" s="72"/>
      <c r="C549" s="38" t="s">
        <v>45</v>
      </c>
      <c r="D549" s="44">
        <v>240</v>
      </c>
      <c r="E549" s="45">
        <v>10</v>
      </c>
      <c r="F549" s="45">
        <v>65</v>
      </c>
      <c r="G549" s="45">
        <v>15.8</v>
      </c>
      <c r="H549" s="46">
        <v>9.1999999999999993</v>
      </c>
    </row>
    <row r="550" spans="1:25" x14ac:dyDescent="0.2">
      <c r="B550" s="72"/>
      <c r="C550" s="38" t="s">
        <v>46</v>
      </c>
      <c r="D550" s="44">
        <v>117</v>
      </c>
      <c r="E550" s="45">
        <v>6.8</v>
      </c>
      <c r="F550" s="45">
        <v>66.7</v>
      </c>
      <c r="G550" s="45">
        <v>12</v>
      </c>
      <c r="H550" s="46">
        <v>14.5</v>
      </c>
    </row>
    <row r="551" spans="1:25" x14ac:dyDescent="0.2">
      <c r="B551" s="72"/>
      <c r="C551" s="38" t="s">
        <v>47</v>
      </c>
      <c r="D551" s="44">
        <v>461</v>
      </c>
      <c r="E551" s="45">
        <v>11.3</v>
      </c>
      <c r="F551" s="45">
        <v>53.8</v>
      </c>
      <c r="G551" s="45">
        <v>21.7</v>
      </c>
      <c r="H551" s="46">
        <v>13.2</v>
      </c>
    </row>
    <row r="552" spans="1:25" ht="21.6" x14ac:dyDescent="0.2">
      <c r="B552" s="72"/>
      <c r="C552" s="39" t="s">
        <v>48</v>
      </c>
      <c r="D552" s="47">
        <v>2307</v>
      </c>
      <c r="E552" s="48">
        <v>10.4</v>
      </c>
      <c r="F552" s="48">
        <v>58.3</v>
      </c>
      <c r="G552" s="48">
        <v>18.3</v>
      </c>
      <c r="H552" s="49">
        <v>12.9</v>
      </c>
    </row>
    <row r="554" spans="1:25" x14ac:dyDescent="0.2">
      <c r="A554" s="26" t="s">
        <v>25</v>
      </c>
      <c r="B554" t="s">
        <v>35</v>
      </c>
      <c r="C554" t="s">
        <v>35</v>
      </c>
    </row>
    <row r="555" spans="1:25" x14ac:dyDescent="0.2">
      <c r="B555" s="70" t="s">
        <v>94</v>
      </c>
      <c r="C555" s="71"/>
      <c r="D555" s="71"/>
      <c r="E555" s="71"/>
      <c r="F555" s="71"/>
      <c r="G555" s="71"/>
      <c r="H555" s="71"/>
      <c r="I555" s="71"/>
      <c r="J555" s="71"/>
      <c r="K555" s="71"/>
      <c r="L555" s="71"/>
      <c r="M555" s="71"/>
      <c r="N555" s="71"/>
      <c r="O555" s="71"/>
      <c r="P555" s="71"/>
      <c r="Q555" s="71"/>
      <c r="R555" s="71"/>
      <c r="S555" s="71"/>
      <c r="T555" s="71"/>
      <c r="U555" s="71"/>
      <c r="V555" s="71"/>
      <c r="W555" s="71"/>
      <c r="X555" s="71"/>
      <c r="Y555" s="71"/>
    </row>
    <row r="556" spans="1:25" s="32" customFormat="1" ht="47.25" customHeight="1" x14ac:dyDescent="0.15">
      <c r="A556" s="31"/>
      <c r="D556" s="33" t="s">
        <v>341</v>
      </c>
      <c r="E556" s="36" t="s">
        <v>496</v>
      </c>
      <c r="F556" s="51" t="s">
        <v>497</v>
      </c>
      <c r="G556" s="51" t="s">
        <v>484</v>
      </c>
      <c r="H556" s="51" t="s">
        <v>498</v>
      </c>
      <c r="I556" s="51" t="s">
        <v>499</v>
      </c>
      <c r="J556" s="51" t="s">
        <v>443</v>
      </c>
      <c r="K556" s="52" t="s">
        <v>350</v>
      </c>
      <c r="L556" s="53" t="s">
        <v>351</v>
      </c>
      <c r="M556" s="50" t="s">
        <v>344</v>
      </c>
    </row>
    <row r="557" spans="1:25" x14ac:dyDescent="0.2">
      <c r="B557" s="5"/>
      <c r="C557" s="40" t="s">
        <v>38</v>
      </c>
      <c r="D557" s="41">
        <v>4307</v>
      </c>
      <c r="E557" s="42">
        <v>4.5999999999999996</v>
      </c>
      <c r="F557" s="42">
        <v>14.7</v>
      </c>
      <c r="G557" s="42">
        <v>55</v>
      </c>
      <c r="H557" s="42">
        <v>15.1</v>
      </c>
      <c r="I557" s="42">
        <v>8</v>
      </c>
      <c r="J557" s="42">
        <v>2.6</v>
      </c>
      <c r="K557" s="42">
        <v>-3.7</v>
      </c>
      <c r="L557" s="54">
        <v>0</v>
      </c>
    </row>
    <row r="558" spans="1:25" x14ac:dyDescent="0.2">
      <c r="B558" s="72" t="s">
        <v>37</v>
      </c>
      <c r="C558" s="38" t="s">
        <v>39</v>
      </c>
      <c r="D558" s="44">
        <v>1325</v>
      </c>
      <c r="E558" s="45">
        <v>5.5</v>
      </c>
      <c r="F558" s="45">
        <v>15.1</v>
      </c>
      <c r="G558" s="45">
        <v>53.7</v>
      </c>
      <c r="H558" s="45">
        <v>15.3</v>
      </c>
      <c r="I558" s="45">
        <v>7.9</v>
      </c>
      <c r="J558" s="45">
        <v>2.5</v>
      </c>
      <c r="K558" s="45">
        <v>-2.6</v>
      </c>
      <c r="L558" s="55">
        <v>0</v>
      </c>
    </row>
    <row r="559" spans="1:25" x14ac:dyDescent="0.2">
      <c r="B559" s="72"/>
      <c r="C559" s="38" t="s">
        <v>40</v>
      </c>
      <c r="D559" s="44">
        <v>675</v>
      </c>
      <c r="E559" s="45">
        <v>4.4000000000000004</v>
      </c>
      <c r="F559" s="45">
        <v>15.1</v>
      </c>
      <c r="G559" s="45">
        <v>55</v>
      </c>
      <c r="H559" s="45">
        <v>15.4</v>
      </c>
      <c r="I559" s="45">
        <v>7.1</v>
      </c>
      <c r="J559" s="45">
        <v>3</v>
      </c>
      <c r="K559" s="45">
        <v>-2.9</v>
      </c>
      <c r="L559" s="55">
        <v>0</v>
      </c>
    </row>
    <row r="560" spans="1:25" x14ac:dyDescent="0.2">
      <c r="B560" s="72"/>
      <c r="C560" s="38" t="s">
        <v>41</v>
      </c>
      <c r="D560" s="44">
        <v>168</v>
      </c>
      <c r="E560" s="45">
        <v>3.6</v>
      </c>
      <c r="F560" s="45">
        <v>13.7</v>
      </c>
      <c r="G560" s="45">
        <v>60.7</v>
      </c>
      <c r="H560" s="45">
        <v>14.3</v>
      </c>
      <c r="I560" s="45">
        <v>7.7</v>
      </c>
      <c r="J560" s="45">
        <v>0</v>
      </c>
      <c r="K560" s="45">
        <v>-4.5</v>
      </c>
      <c r="L560" s="55">
        <v>0</v>
      </c>
    </row>
    <row r="561" spans="1:25" x14ac:dyDescent="0.2">
      <c r="B561" s="72"/>
      <c r="C561" s="38" t="s">
        <v>42</v>
      </c>
      <c r="D561" s="44">
        <v>290</v>
      </c>
      <c r="E561" s="45">
        <v>6.9</v>
      </c>
      <c r="F561" s="45">
        <v>11.7</v>
      </c>
      <c r="G561" s="45">
        <v>60</v>
      </c>
      <c r="H561" s="45">
        <v>13.1</v>
      </c>
      <c r="I561" s="45">
        <v>6.2</v>
      </c>
      <c r="J561" s="45">
        <v>2.1</v>
      </c>
      <c r="K561" s="45">
        <v>0</v>
      </c>
      <c r="L561" s="55">
        <v>0</v>
      </c>
    </row>
    <row r="562" spans="1:25" x14ac:dyDescent="0.2">
      <c r="B562" s="72"/>
      <c r="C562" s="38" t="s">
        <v>43</v>
      </c>
      <c r="D562" s="44">
        <v>231</v>
      </c>
      <c r="E562" s="45">
        <v>3</v>
      </c>
      <c r="F562" s="45">
        <v>15.2</v>
      </c>
      <c r="G562" s="45">
        <v>54.1</v>
      </c>
      <c r="H562" s="45">
        <v>17.7</v>
      </c>
      <c r="I562" s="45">
        <v>6.5</v>
      </c>
      <c r="J562" s="45">
        <v>3.5</v>
      </c>
      <c r="K562" s="45">
        <v>-4.9000000000000004</v>
      </c>
      <c r="L562" s="55">
        <v>0</v>
      </c>
    </row>
    <row r="563" spans="1:25" x14ac:dyDescent="0.2">
      <c r="B563" s="72"/>
      <c r="C563" s="38" t="s">
        <v>44</v>
      </c>
      <c r="D563" s="44">
        <v>800</v>
      </c>
      <c r="E563" s="45">
        <v>4.3</v>
      </c>
      <c r="F563" s="45">
        <v>14.4</v>
      </c>
      <c r="G563" s="45">
        <v>55</v>
      </c>
      <c r="H563" s="45">
        <v>15.1</v>
      </c>
      <c r="I563" s="45">
        <v>8.9</v>
      </c>
      <c r="J563" s="45">
        <v>2.4</v>
      </c>
      <c r="K563" s="45">
        <v>-5.0999999999999996</v>
      </c>
      <c r="L563" s="55">
        <v>0</v>
      </c>
    </row>
    <row r="564" spans="1:25" x14ac:dyDescent="0.2">
      <c r="B564" s="72"/>
      <c r="C564" s="38" t="s">
        <v>45</v>
      </c>
      <c r="D564" s="44">
        <v>240</v>
      </c>
      <c r="E564" s="45">
        <v>4.2</v>
      </c>
      <c r="F564" s="45">
        <v>14.2</v>
      </c>
      <c r="G564" s="45">
        <v>54.2</v>
      </c>
      <c r="H564" s="45">
        <v>13.3</v>
      </c>
      <c r="I564" s="45">
        <v>10.4</v>
      </c>
      <c r="J564" s="45">
        <v>3.8</v>
      </c>
      <c r="K564" s="45">
        <v>-6.1</v>
      </c>
      <c r="L564" s="55">
        <v>0</v>
      </c>
    </row>
    <row r="565" spans="1:25" x14ac:dyDescent="0.2">
      <c r="B565" s="72"/>
      <c r="C565" s="38" t="s">
        <v>46</v>
      </c>
      <c r="D565" s="44">
        <v>117</v>
      </c>
      <c r="E565" s="45">
        <v>1.7</v>
      </c>
      <c r="F565" s="45">
        <v>12</v>
      </c>
      <c r="G565" s="45">
        <v>59.8</v>
      </c>
      <c r="H565" s="45">
        <v>15.4</v>
      </c>
      <c r="I565" s="45">
        <v>9.4</v>
      </c>
      <c r="J565" s="45">
        <v>1.7</v>
      </c>
      <c r="K565" s="45">
        <v>-9.6</v>
      </c>
      <c r="L565" s="55">
        <v>0</v>
      </c>
    </row>
    <row r="566" spans="1:25" x14ac:dyDescent="0.2">
      <c r="B566" s="72"/>
      <c r="C566" s="38" t="s">
        <v>47</v>
      </c>
      <c r="D566" s="44">
        <v>461</v>
      </c>
      <c r="E566" s="45">
        <v>3.9</v>
      </c>
      <c r="F566" s="45">
        <v>16.100000000000001</v>
      </c>
      <c r="G566" s="45">
        <v>53.4</v>
      </c>
      <c r="H566" s="45">
        <v>15</v>
      </c>
      <c r="I566" s="45">
        <v>8.1999999999999993</v>
      </c>
      <c r="J566" s="45">
        <v>3.5</v>
      </c>
      <c r="K566" s="45">
        <v>-3.9</v>
      </c>
      <c r="L566" s="55">
        <v>0</v>
      </c>
    </row>
    <row r="567" spans="1:25" ht="21.6" x14ac:dyDescent="0.2">
      <c r="B567" s="72"/>
      <c r="C567" s="39" t="s">
        <v>48</v>
      </c>
      <c r="D567" s="47">
        <v>2307</v>
      </c>
      <c r="E567" s="48">
        <v>4.2</v>
      </c>
      <c r="F567" s="48">
        <v>14.3</v>
      </c>
      <c r="G567" s="48">
        <v>55.8</v>
      </c>
      <c r="H567" s="48">
        <v>14.9</v>
      </c>
      <c r="I567" s="48">
        <v>8.3000000000000007</v>
      </c>
      <c r="J567" s="48">
        <v>2.6</v>
      </c>
      <c r="K567" s="48">
        <v>-4.5</v>
      </c>
      <c r="L567" s="56">
        <v>0</v>
      </c>
    </row>
    <row r="568" spans="1:25" x14ac:dyDescent="0.2">
      <c r="B568" s="7" t="s">
        <v>49</v>
      </c>
      <c r="C568" s="4" t="s">
        <v>95</v>
      </c>
    </row>
    <row r="569" spans="1:25" x14ac:dyDescent="0.2">
      <c r="B569" s="4"/>
      <c r="C569" s="4" t="s">
        <v>51</v>
      </c>
    </row>
    <row r="571" spans="1:25" x14ac:dyDescent="0.2">
      <c r="A571" s="26" t="s">
        <v>25</v>
      </c>
      <c r="B571" t="s">
        <v>35</v>
      </c>
      <c r="C571" t="s">
        <v>35</v>
      </c>
    </row>
    <row r="572" spans="1:25" x14ac:dyDescent="0.2">
      <c r="B572" s="70" t="s">
        <v>96</v>
      </c>
      <c r="C572" s="71"/>
      <c r="D572" s="71"/>
      <c r="E572" s="71"/>
      <c r="F572" s="71"/>
      <c r="G572" s="71"/>
      <c r="H572" s="71"/>
      <c r="I572" s="71"/>
      <c r="J572" s="71"/>
      <c r="K572" s="71"/>
      <c r="L572" s="71"/>
      <c r="M572" s="71"/>
      <c r="N572" s="71"/>
      <c r="O572" s="71"/>
      <c r="P572" s="71"/>
      <c r="Q572" s="71"/>
      <c r="R572" s="71"/>
      <c r="S572" s="71"/>
      <c r="T572" s="71"/>
      <c r="U572" s="71"/>
      <c r="V572" s="71"/>
      <c r="W572" s="71"/>
      <c r="X572" s="71"/>
      <c r="Y572" s="71"/>
    </row>
    <row r="573" spans="1:25" s="32" customFormat="1" ht="36.450000000000003" customHeight="1" x14ac:dyDescent="0.15">
      <c r="A573" s="31"/>
      <c r="D573" s="33" t="s">
        <v>341</v>
      </c>
      <c r="E573" s="36" t="s">
        <v>500</v>
      </c>
      <c r="F573" s="51" t="s">
        <v>488</v>
      </c>
      <c r="G573" s="51" t="s">
        <v>501</v>
      </c>
      <c r="H573" s="37" t="s">
        <v>443</v>
      </c>
      <c r="I573" s="35" t="s">
        <v>344</v>
      </c>
    </row>
    <row r="574" spans="1:25" x14ac:dyDescent="0.2">
      <c r="B574" s="5"/>
      <c r="C574" s="40" t="s">
        <v>38</v>
      </c>
      <c r="D574" s="41">
        <v>4307</v>
      </c>
      <c r="E574" s="42">
        <v>19.3</v>
      </c>
      <c r="F574" s="42">
        <v>55</v>
      </c>
      <c r="G574" s="42">
        <v>23.1</v>
      </c>
      <c r="H574" s="43">
        <v>2.6</v>
      </c>
    </row>
    <row r="575" spans="1:25" x14ac:dyDescent="0.2">
      <c r="B575" s="72" t="s">
        <v>37</v>
      </c>
      <c r="C575" s="38" t="s">
        <v>39</v>
      </c>
      <c r="D575" s="44">
        <v>1325</v>
      </c>
      <c r="E575" s="45">
        <v>20.6</v>
      </c>
      <c r="F575" s="45">
        <v>53.7</v>
      </c>
      <c r="G575" s="45">
        <v>23.2</v>
      </c>
      <c r="H575" s="46">
        <v>2.5</v>
      </c>
    </row>
    <row r="576" spans="1:25" x14ac:dyDescent="0.2">
      <c r="B576" s="72"/>
      <c r="C576" s="38" t="s">
        <v>40</v>
      </c>
      <c r="D576" s="44">
        <v>675</v>
      </c>
      <c r="E576" s="45">
        <v>19.600000000000001</v>
      </c>
      <c r="F576" s="45">
        <v>55</v>
      </c>
      <c r="G576" s="45">
        <v>22.5</v>
      </c>
      <c r="H576" s="46">
        <v>3</v>
      </c>
    </row>
    <row r="577" spans="1:25" x14ac:dyDescent="0.2">
      <c r="B577" s="72"/>
      <c r="C577" s="38" t="s">
        <v>41</v>
      </c>
      <c r="D577" s="44">
        <v>168</v>
      </c>
      <c r="E577" s="45">
        <v>17.3</v>
      </c>
      <c r="F577" s="45">
        <v>60.7</v>
      </c>
      <c r="G577" s="45">
        <v>22</v>
      </c>
      <c r="H577" s="46">
        <v>0</v>
      </c>
    </row>
    <row r="578" spans="1:25" x14ac:dyDescent="0.2">
      <c r="B578" s="72"/>
      <c r="C578" s="38" t="s">
        <v>42</v>
      </c>
      <c r="D578" s="44">
        <v>290</v>
      </c>
      <c r="E578" s="45">
        <v>18.600000000000001</v>
      </c>
      <c r="F578" s="45">
        <v>60</v>
      </c>
      <c r="G578" s="45">
        <v>19.3</v>
      </c>
      <c r="H578" s="46">
        <v>2.1</v>
      </c>
    </row>
    <row r="579" spans="1:25" x14ac:dyDescent="0.2">
      <c r="B579" s="72"/>
      <c r="C579" s="38" t="s">
        <v>43</v>
      </c>
      <c r="D579" s="44">
        <v>231</v>
      </c>
      <c r="E579" s="45">
        <v>18.2</v>
      </c>
      <c r="F579" s="45">
        <v>54.1</v>
      </c>
      <c r="G579" s="45">
        <v>24.2</v>
      </c>
      <c r="H579" s="46">
        <v>3.5</v>
      </c>
    </row>
    <row r="580" spans="1:25" x14ac:dyDescent="0.2">
      <c r="B580" s="72"/>
      <c r="C580" s="38" t="s">
        <v>44</v>
      </c>
      <c r="D580" s="44">
        <v>800</v>
      </c>
      <c r="E580" s="45">
        <v>18.600000000000001</v>
      </c>
      <c r="F580" s="45">
        <v>55</v>
      </c>
      <c r="G580" s="45">
        <v>24</v>
      </c>
      <c r="H580" s="46">
        <v>2.4</v>
      </c>
    </row>
    <row r="581" spans="1:25" x14ac:dyDescent="0.2">
      <c r="B581" s="72"/>
      <c r="C581" s="38" t="s">
        <v>45</v>
      </c>
      <c r="D581" s="44">
        <v>240</v>
      </c>
      <c r="E581" s="45">
        <v>18.3</v>
      </c>
      <c r="F581" s="45">
        <v>54.2</v>
      </c>
      <c r="G581" s="45">
        <v>23.8</v>
      </c>
      <c r="H581" s="46">
        <v>3.8</v>
      </c>
    </row>
    <row r="582" spans="1:25" x14ac:dyDescent="0.2">
      <c r="B582" s="72"/>
      <c r="C582" s="38" t="s">
        <v>46</v>
      </c>
      <c r="D582" s="44">
        <v>117</v>
      </c>
      <c r="E582" s="45">
        <v>13.7</v>
      </c>
      <c r="F582" s="45">
        <v>59.8</v>
      </c>
      <c r="G582" s="45">
        <v>24.8</v>
      </c>
      <c r="H582" s="46">
        <v>1.7</v>
      </c>
    </row>
    <row r="583" spans="1:25" x14ac:dyDescent="0.2">
      <c r="B583" s="72"/>
      <c r="C583" s="38" t="s">
        <v>47</v>
      </c>
      <c r="D583" s="44">
        <v>461</v>
      </c>
      <c r="E583" s="45">
        <v>20</v>
      </c>
      <c r="F583" s="45">
        <v>53.4</v>
      </c>
      <c r="G583" s="45">
        <v>23.2</v>
      </c>
      <c r="H583" s="46">
        <v>3.5</v>
      </c>
    </row>
    <row r="584" spans="1:25" ht="21.6" x14ac:dyDescent="0.2">
      <c r="B584" s="72"/>
      <c r="C584" s="39" t="s">
        <v>48</v>
      </c>
      <c r="D584" s="47">
        <v>2307</v>
      </c>
      <c r="E584" s="48">
        <v>18.5</v>
      </c>
      <c r="F584" s="48">
        <v>55.8</v>
      </c>
      <c r="G584" s="48">
        <v>23.1</v>
      </c>
      <c r="H584" s="49">
        <v>2.6</v>
      </c>
    </row>
    <row r="586" spans="1:25" x14ac:dyDescent="0.2">
      <c r="A586" s="26" t="s">
        <v>25</v>
      </c>
      <c r="B586" t="s">
        <v>35</v>
      </c>
      <c r="C586" t="s">
        <v>35</v>
      </c>
    </row>
    <row r="587" spans="1:25" x14ac:dyDescent="0.2">
      <c r="B587" s="70" t="s">
        <v>97</v>
      </c>
      <c r="C587" s="71"/>
      <c r="D587" s="71"/>
      <c r="E587" s="71"/>
      <c r="F587" s="71"/>
      <c r="G587" s="71"/>
      <c r="H587" s="71"/>
      <c r="I587" s="71"/>
      <c r="J587" s="71"/>
      <c r="K587" s="71"/>
      <c r="L587" s="71"/>
      <c r="M587" s="71"/>
      <c r="N587" s="71"/>
      <c r="O587" s="71"/>
      <c r="P587" s="71"/>
      <c r="Q587" s="71"/>
      <c r="R587" s="71"/>
      <c r="S587" s="71"/>
      <c r="T587" s="71"/>
      <c r="U587" s="71"/>
      <c r="V587" s="71"/>
      <c r="W587" s="71"/>
      <c r="X587" s="71"/>
      <c r="Y587" s="71"/>
    </row>
    <row r="588" spans="1:25" s="32" customFormat="1" ht="36.450000000000003" customHeight="1" x14ac:dyDescent="0.15">
      <c r="A588" s="31"/>
      <c r="D588" s="33" t="s">
        <v>341</v>
      </c>
      <c r="E588" s="36" t="s">
        <v>502</v>
      </c>
      <c r="F588" s="51" t="s">
        <v>503</v>
      </c>
      <c r="G588" s="51" t="s">
        <v>504</v>
      </c>
      <c r="H588" s="51" t="s">
        <v>505</v>
      </c>
      <c r="I588" s="37" t="s">
        <v>443</v>
      </c>
      <c r="J588" s="35" t="s">
        <v>344</v>
      </c>
    </row>
    <row r="589" spans="1:25" x14ac:dyDescent="0.2">
      <c r="B589" s="5"/>
      <c r="C589" s="40" t="s">
        <v>38</v>
      </c>
      <c r="D589" s="41">
        <v>4307</v>
      </c>
      <c r="E589" s="42">
        <v>8.3000000000000007</v>
      </c>
      <c r="F589" s="42">
        <v>22.1</v>
      </c>
      <c r="G589" s="42">
        <v>38.1</v>
      </c>
      <c r="H589" s="42">
        <v>23.5</v>
      </c>
      <c r="I589" s="43">
        <v>7.9</v>
      </c>
    </row>
    <row r="590" spans="1:25" x14ac:dyDescent="0.2">
      <c r="B590" s="72" t="s">
        <v>37</v>
      </c>
      <c r="C590" s="38" t="s">
        <v>39</v>
      </c>
      <c r="D590" s="44">
        <v>1325</v>
      </c>
      <c r="E590" s="45">
        <v>7.8</v>
      </c>
      <c r="F590" s="45">
        <v>22.7</v>
      </c>
      <c r="G590" s="45">
        <v>36.299999999999997</v>
      </c>
      <c r="H590" s="45">
        <v>24.4</v>
      </c>
      <c r="I590" s="46">
        <v>8.8000000000000007</v>
      </c>
    </row>
    <row r="591" spans="1:25" x14ac:dyDescent="0.2">
      <c r="B591" s="72"/>
      <c r="C591" s="38" t="s">
        <v>40</v>
      </c>
      <c r="D591" s="44">
        <v>675</v>
      </c>
      <c r="E591" s="45">
        <v>9</v>
      </c>
      <c r="F591" s="45">
        <v>21.2</v>
      </c>
      <c r="G591" s="45">
        <v>36.700000000000003</v>
      </c>
      <c r="H591" s="45">
        <v>25</v>
      </c>
      <c r="I591" s="46">
        <v>8</v>
      </c>
    </row>
    <row r="592" spans="1:25" x14ac:dyDescent="0.2">
      <c r="B592" s="72"/>
      <c r="C592" s="38" t="s">
        <v>41</v>
      </c>
      <c r="D592" s="44">
        <v>168</v>
      </c>
      <c r="E592" s="45">
        <v>6.5</v>
      </c>
      <c r="F592" s="45">
        <v>16.7</v>
      </c>
      <c r="G592" s="45">
        <v>45.8</v>
      </c>
      <c r="H592" s="45">
        <v>25</v>
      </c>
      <c r="I592" s="46">
        <v>6</v>
      </c>
    </row>
    <row r="593" spans="1:25" x14ac:dyDescent="0.2">
      <c r="B593" s="72"/>
      <c r="C593" s="38" t="s">
        <v>42</v>
      </c>
      <c r="D593" s="44">
        <v>290</v>
      </c>
      <c r="E593" s="45">
        <v>6.6</v>
      </c>
      <c r="F593" s="45">
        <v>23.4</v>
      </c>
      <c r="G593" s="45">
        <v>41</v>
      </c>
      <c r="H593" s="45">
        <v>19.7</v>
      </c>
      <c r="I593" s="46">
        <v>9.3000000000000007</v>
      </c>
    </row>
    <row r="594" spans="1:25" x14ac:dyDescent="0.2">
      <c r="B594" s="72"/>
      <c r="C594" s="38" t="s">
        <v>43</v>
      </c>
      <c r="D594" s="44">
        <v>231</v>
      </c>
      <c r="E594" s="45">
        <v>11.3</v>
      </c>
      <c r="F594" s="45">
        <v>22.1</v>
      </c>
      <c r="G594" s="45">
        <v>36.799999999999997</v>
      </c>
      <c r="H594" s="45">
        <v>22.1</v>
      </c>
      <c r="I594" s="46">
        <v>7.8</v>
      </c>
    </row>
    <row r="595" spans="1:25" x14ac:dyDescent="0.2">
      <c r="B595" s="72"/>
      <c r="C595" s="38" t="s">
        <v>44</v>
      </c>
      <c r="D595" s="44">
        <v>800</v>
      </c>
      <c r="E595" s="45">
        <v>8.3000000000000007</v>
      </c>
      <c r="F595" s="45">
        <v>22.6</v>
      </c>
      <c r="G595" s="45">
        <v>39.299999999999997</v>
      </c>
      <c r="H595" s="45">
        <v>22.5</v>
      </c>
      <c r="I595" s="46">
        <v>7.4</v>
      </c>
    </row>
    <row r="596" spans="1:25" x14ac:dyDescent="0.2">
      <c r="B596" s="72"/>
      <c r="C596" s="38" t="s">
        <v>45</v>
      </c>
      <c r="D596" s="44">
        <v>240</v>
      </c>
      <c r="E596" s="45">
        <v>8.3000000000000007</v>
      </c>
      <c r="F596" s="45">
        <v>20.399999999999999</v>
      </c>
      <c r="G596" s="45">
        <v>42.1</v>
      </c>
      <c r="H596" s="45">
        <v>21.7</v>
      </c>
      <c r="I596" s="46">
        <v>7.5</v>
      </c>
    </row>
    <row r="597" spans="1:25" x14ac:dyDescent="0.2">
      <c r="B597" s="72"/>
      <c r="C597" s="38" t="s">
        <v>46</v>
      </c>
      <c r="D597" s="44">
        <v>117</v>
      </c>
      <c r="E597" s="45">
        <v>6.8</v>
      </c>
      <c r="F597" s="45">
        <v>23.9</v>
      </c>
      <c r="G597" s="45">
        <v>40.200000000000003</v>
      </c>
      <c r="H597" s="45">
        <v>25.6</v>
      </c>
      <c r="I597" s="46">
        <v>3.4</v>
      </c>
    </row>
    <row r="598" spans="1:25" x14ac:dyDescent="0.2">
      <c r="B598" s="72"/>
      <c r="C598" s="38" t="s">
        <v>47</v>
      </c>
      <c r="D598" s="44">
        <v>461</v>
      </c>
      <c r="E598" s="45">
        <v>8.9</v>
      </c>
      <c r="F598" s="45">
        <v>22.8</v>
      </c>
      <c r="G598" s="45">
        <v>37.1</v>
      </c>
      <c r="H598" s="45">
        <v>23.4</v>
      </c>
      <c r="I598" s="46">
        <v>7.8</v>
      </c>
    </row>
    <row r="599" spans="1:25" ht="21.6" x14ac:dyDescent="0.2">
      <c r="B599" s="72"/>
      <c r="C599" s="39" t="s">
        <v>48</v>
      </c>
      <c r="D599" s="47">
        <v>2307</v>
      </c>
      <c r="E599" s="48">
        <v>8.3000000000000007</v>
      </c>
      <c r="F599" s="48">
        <v>22.1</v>
      </c>
      <c r="G599" s="48">
        <v>39.6</v>
      </c>
      <c r="H599" s="48">
        <v>22.5</v>
      </c>
      <c r="I599" s="49">
        <v>7.5</v>
      </c>
    </row>
    <row r="600" spans="1:25" x14ac:dyDescent="0.2">
      <c r="B600" s="7" t="s">
        <v>49</v>
      </c>
      <c r="C600" s="4" t="s">
        <v>98</v>
      </c>
    </row>
    <row r="601" spans="1:25" x14ac:dyDescent="0.2">
      <c r="B601" s="4"/>
      <c r="C601" s="4" t="s">
        <v>51</v>
      </c>
    </row>
    <row r="603" spans="1:25" x14ac:dyDescent="0.2">
      <c r="A603" s="26" t="s">
        <v>25</v>
      </c>
      <c r="B603" t="s">
        <v>35</v>
      </c>
      <c r="C603" t="s">
        <v>35</v>
      </c>
    </row>
    <row r="604" spans="1:25" x14ac:dyDescent="0.2">
      <c r="B604" s="70" t="s">
        <v>99</v>
      </c>
      <c r="C604" s="71"/>
      <c r="D604" s="71"/>
      <c r="E604" s="71"/>
      <c r="F604" s="71"/>
      <c r="G604" s="71"/>
      <c r="H604" s="71"/>
      <c r="I604" s="71"/>
      <c r="J604" s="71"/>
      <c r="K604" s="71"/>
      <c r="L604" s="71"/>
      <c r="M604" s="71"/>
      <c r="N604" s="71"/>
      <c r="O604" s="71"/>
      <c r="P604" s="71"/>
      <c r="Q604" s="71"/>
      <c r="R604" s="71"/>
      <c r="S604" s="71"/>
      <c r="T604" s="71"/>
      <c r="U604" s="71"/>
      <c r="V604" s="71"/>
      <c r="W604" s="71"/>
      <c r="X604" s="71"/>
      <c r="Y604" s="71"/>
    </row>
    <row r="605" spans="1:25" s="32" customFormat="1" ht="47.25" customHeight="1" x14ac:dyDescent="0.15">
      <c r="A605" s="31"/>
      <c r="D605" s="33" t="s">
        <v>341</v>
      </c>
      <c r="E605" s="36" t="s">
        <v>506</v>
      </c>
      <c r="F605" s="51" t="s">
        <v>507</v>
      </c>
      <c r="G605" s="37" t="s">
        <v>443</v>
      </c>
      <c r="H605" s="35" t="s">
        <v>344</v>
      </c>
    </row>
    <row r="606" spans="1:25" x14ac:dyDescent="0.2">
      <c r="B606" s="5"/>
      <c r="C606" s="40" t="s">
        <v>38</v>
      </c>
      <c r="D606" s="41">
        <v>4307</v>
      </c>
      <c r="E606" s="42">
        <v>30.4</v>
      </c>
      <c r="F606" s="42">
        <v>61.6</v>
      </c>
      <c r="G606" s="43">
        <v>7.9</v>
      </c>
    </row>
    <row r="607" spans="1:25" x14ac:dyDescent="0.2">
      <c r="B607" s="72" t="s">
        <v>37</v>
      </c>
      <c r="C607" s="38" t="s">
        <v>39</v>
      </c>
      <c r="D607" s="44">
        <v>1325</v>
      </c>
      <c r="E607" s="45">
        <v>30.6</v>
      </c>
      <c r="F607" s="45">
        <v>60.7</v>
      </c>
      <c r="G607" s="46">
        <v>8.8000000000000007</v>
      </c>
    </row>
    <row r="608" spans="1:25" x14ac:dyDescent="0.2">
      <c r="B608" s="72"/>
      <c r="C608" s="38" t="s">
        <v>40</v>
      </c>
      <c r="D608" s="44">
        <v>675</v>
      </c>
      <c r="E608" s="45">
        <v>30.2</v>
      </c>
      <c r="F608" s="45">
        <v>61.8</v>
      </c>
      <c r="G608" s="46">
        <v>8</v>
      </c>
    </row>
    <row r="609" spans="1:25" x14ac:dyDescent="0.2">
      <c r="B609" s="72"/>
      <c r="C609" s="38" t="s">
        <v>41</v>
      </c>
      <c r="D609" s="44">
        <v>168</v>
      </c>
      <c r="E609" s="45">
        <v>23.2</v>
      </c>
      <c r="F609" s="45">
        <v>70.8</v>
      </c>
      <c r="G609" s="46">
        <v>6</v>
      </c>
    </row>
    <row r="610" spans="1:25" x14ac:dyDescent="0.2">
      <c r="B610" s="72"/>
      <c r="C610" s="38" t="s">
        <v>42</v>
      </c>
      <c r="D610" s="44">
        <v>290</v>
      </c>
      <c r="E610" s="45">
        <v>30</v>
      </c>
      <c r="F610" s="45">
        <v>60.7</v>
      </c>
      <c r="G610" s="46">
        <v>9.3000000000000007</v>
      </c>
    </row>
    <row r="611" spans="1:25" x14ac:dyDescent="0.2">
      <c r="B611" s="72"/>
      <c r="C611" s="38" t="s">
        <v>43</v>
      </c>
      <c r="D611" s="44">
        <v>231</v>
      </c>
      <c r="E611" s="45">
        <v>33.299999999999997</v>
      </c>
      <c r="F611" s="45">
        <v>58.9</v>
      </c>
      <c r="G611" s="46">
        <v>7.8</v>
      </c>
    </row>
    <row r="612" spans="1:25" x14ac:dyDescent="0.2">
      <c r="B612" s="72"/>
      <c r="C612" s="38" t="s">
        <v>44</v>
      </c>
      <c r="D612" s="44">
        <v>800</v>
      </c>
      <c r="E612" s="45">
        <v>30.9</v>
      </c>
      <c r="F612" s="45">
        <v>61.8</v>
      </c>
      <c r="G612" s="46">
        <v>7.4</v>
      </c>
    </row>
    <row r="613" spans="1:25" x14ac:dyDescent="0.2">
      <c r="B613" s="72"/>
      <c r="C613" s="38" t="s">
        <v>45</v>
      </c>
      <c r="D613" s="44">
        <v>240</v>
      </c>
      <c r="E613" s="45">
        <v>28.8</v>
      </c>
      <c r="F613" s="45">
        <v>63.8</v>
      </c>
      <c r="G613" s="46">
        <v>7.5</v>
      </c>
    </row>
    <row r="614" spans="1:25" x14ac:dyDescent="0.2">
      <c r="B614" s="72"/>
      <c r="C614" s="38" t="s">
        <v>46</v>
      </c>
      <c r="D614" s="44">
        <v>117</v>
      </c>
      <c r="E614" s="45">
        <v>30.8</v>
      </c>
      <c r="F614" s="45">
        <v>65.8</v>
      </c>
      <c r="G614" s="46">
        <v>3.4</v>
      </c>
    </row>
    <row r="615" spans="1:25" x14ac:dyDescent="0.2">
      <c r="B615" s="72"/>
      <c r="C615" s="38" t="s">
        <v>47</v>
      </c>
      <c r="D615" s="44">
        <v>461</v>
      </c>
      <c r="E615" s="45">
        <v>31.7</v>
      </c>
      <c r="F615" s="45">
        <v>60.5</v>
      </c>
      <c r="G615" s="46">
        <v>7.8</v>
      </c>
    </row>
    <row r="616" spans="1:25" ht="21.6" x14ac:dyDescent="0.2">
      <c r="B616" s="72"/>
      <c r="C616" s="39" t="s">
        <v>48</v>
      </c>
      <c r="D616" s="47">
        <v>2307</v>
      </c>
      <c r="E616" s="48">
        <v>30.4</v>
      </c>
      <c r="F616" s="48">
        <v>62.2</v>
      </c>
      <c r="G616" s="49">
        <v>7.5</v>
      </c>
    </row>
    <row r="618" spans="1:25" x14ac:dyDescent="0.2">
      <c r="A618" s="26" t="s">
        <v>25</v>
      </c>
      <c r="B618" t="s">
        <v>35</v>
      </c>
      <c r="C618" t="s">
        <v>35</v>
      </c>
    </row>
    <row r="619" spans="1:25" x14ac:dyDescent="0.2">
      <c r="B619" s="70" t="s">
        <v>100</v>
      </c>
      <c r="C619" s="71"/>
      <c r="D619" s="71"/>
      <c r="E619" s="71"/>
      <c r="F619" s="71"/>
      <c r="G619" s="71"/>
      <c r="H619" s="71"/>
      <c r="I619" s="71"/>
      <c r="J619" s="71"/>
      <c r="K619" s="71"/>
      <c r="L619" s="71"/>
      <c r="M619" s="71"/>
      <c r="N619" s="71"/>
      <c r="O619" s="71"/>
      <c r="P619" s="71"/>
      <c r="Q619" s="71"/>
      <c r="R619" s="71"/>
      <c r="S619" s="71"/>
      <c r="T619" s="71"/>
      <c r="U619" s="71"/>
      <c r="V619" s="71"/>
      <c r="W619" s="71"/>
      <c r="X619" s="71"/>
      <c r="Y619" s="71"/>
    </row>
    <row r="620" spans="1:25" s="32" customFormat="1" ht="47.25" customHeight="1" x14ac:dyDescent="0.15">
      <c r="A620" s="31"/>
      <c r="D620" s="33" t="s">
        <v>341</v>
      </c>
      <c r="E620" s="36" t="s">
        <v>496</v>
      </c>
      <c r="F620" s="51" t="s">
        <v>497</v>
      </c>
      <c r="G620" s="51" t="s">
        <v>484</v>
      </c>
      <c r="H620" s="51" t="s">
        <v>498</v>
      </c>
      <c r="I620" s="51" t="s">
        <v>499</v>
      </c>
      <c r="J620" s="51" t="s">
        <v>443</v>
      </c>
      <c r="K620" s="52" t="s">
        <v>350</v>
      </c>
      <c r="L620" s="53" t="s">
        <v>351</v>
      </c>
      <c r="M620" s="50" t="s">
        <v>344</v>
      </c>
    </row>
    <row r="621" spans="1:25" x14ac:dyDescent="0.2">
      <c r="B621" s="5"/>
      <c r="C621" s="40" t="s">
        <v>38</v>
      </c>
      <c r="D621" s="41">
        <v>4307</v>
      </c>
      <c r="E621" s="42">
        <v>2.7</v>
      </c>
      <c r="F621" s="42">
        <v>16.600000000000001</v>
      </c>
      <c r="G621" s="42">
        <v>49.7</v>
      </c>
      <c r="H621" s="42">
        <v>17.5</v>
      </c>
      <c r="I621" s="42">
        <v>11.1</v>
      </c>
      <c r="J621" s="42">
        <v>2.2999999999999998</v>
      </c>
      <c r="K621" s="42">
        <v>-9.1</v>
      </c>
      <c r="L621" s="54">
        <v>0</v>
      </c>
    </row>
    <row r="622" spans="1:25" x14ac:dyDescent="0.2">
      <c r="B622" s="72" t="s">
        <v>37</v>
      </c>
      <c r="C622" s="38" t="s">
        <v>39</v>
      </c>
      <c r="D622" s="44">
        <v>1325</v>
      </c>
      <c r="E622" s="45">
        <v>3.2</v>
      </c>
      <c r="F622" s="45">
        <v>17.2</v>
      </c>
      <c r="G622" s="45">
        <v>48.6</v>
      </c>
      <c r="H622" s="45">
        <v>16.899999999999999</v>
      </c>
      <c r="I622" s="45">
        <v>11.2</v>
      </c>
      <c r="J622" s="45">
        <v>2.9</v>
      </c>
      <c r="K622" s="45">
        <v>-8.1999999999999993</v>
      </c>
      <c r="L622" s="55">
        <v>0</v>
      </c>
    </row>
    <row r="623" spans="1:25" x14ac:dyDescent="0.2">
      <c r="B623" s="72"/>
      <c r="C623" s="38" t="s">
        <v>40</v>
      </c>
      <c r="D623" s="44">
        <v>675</v>
      </c>
      <c r="E623" s="45">
        <v>2.8</v>
      </c>
      <c r="F623" s="45">
        <v>15</v>
      </c>
      <c r="G623" s="45">
        <v>50.2</v>
      </c>
      <c r="H623" s="45">
        <v>17.2</v>
      </c>
      <c r="I623" s="45">
        <v>11.9</v>
      </c>
      <c r="J623" s="45">
        <v>3</v>
      </c>
      <c r="K623" s="45">
        <v>-10.5</v>
      </c>
      <c r="L623" s="55">
        <v>0</v>
      </c>
    </row>
    <row r="624" spans="1:25" x14ac:dyDescent="0.2">
      <c r="B624" s="72"/>
      <c r="C624" s="38" t="s">
        <v>41</v>
      </c>
      <c r="D624" s="44">
        <v>168</v>
      </c>
      <c r="E624" s="45">
        <v>4.2</v>
      </c>
      <c r="F624" s="45">
        <v>13.7</v>
      </c>
      <c r="G624" s="45">
        <v>51.8</v>
      </c>
      <c r="H624" s="45">
        <v>16.100000000000001</v>
      </c>
      <c r="I624" s="45">
        <v>13.1</v>
      </c>
      <c r="J624" s="45">
        <v>1.2</v>
      </c>
      <c r="K624" s="45">
        <v>-10.199999999999999</v>
      </c>
      <c r="L624" s="55">
        <v>0</v>
      </c>
    </row>
    <row r="625" spans="1:25" x14ac:dyDescent="0.2">
      <c r="B625" s="72"/>
      <c r="C625" s="38" t="s">
        <v>42</v>
      </c>
      <c r="D625" s="44">
        <v>290</v>
      </c>
      <c r="E625" s="45">
        <v>3.4</v>
      </c>
      <c r="F625" s="45">
        <v>16.899999999999999</v>
      </c>
      <c r="G625" s="45">
        <v>52.4</v>
      </c>
      <c r="H625" s="45">
        <v>15.2</v>
      </c>
      <c r="I625" s="45">
        <v>10</v>
      </c>
      <c r="J625" s="45">
        <v>2.1</v>
      </c>
      <c r="K625" s="45">
        <v>-5.8</v>
      </c>
      <c r="L625" s="55">
        <v>0</v>
      </c>
    </row>
    <row r="626" spans="1:25" x14ac:dyDescent="0.2">
      <c r="B626" s="72"/>
      <c r="C626" s="38" t="s">
        <v>43</v>
      </c>
      <c r="D626" s="44">
        <v>231</v>
      </c>
      <c r="E626" s="45">
        <v>1.7</v>
      </c>
      <c r="F626" s="45">
        <v>14.7</v>
      </c>
      <c r="G626" s="45">
        <v>54.5</v>
      </c>
      <c r="H626" s="45">
        <v>16</v>
      </c>
      <c r="I626" s="45">
        <v>10.4</v>
      </c>
      <c r="J626" s="45">
        <v>2.6</v>
      </c>
      <c r="K626" s="45">
        <v>-9.6</v>
      </c>
      <c r="L626" s="55">
        <v>0</v>
      </c>
    </row>
    <row r="627" spans="1:25" x14ac:dyDescent="0.2">
      <c r="B627" s="72"/>
      <c r="C627" s="38" t="s">
        <v>44</v>
      </c>
      <c r="D627" s="44">
        <v>800</v>
      </c>
      <c r="E627" s="45">
        <v>1.8</v>
      </c>
      <c r="F627" s="45">
        <v>16.3</v>
      </c>
      <c r="G627" s="45">
        <v>49.8</v>
      </c>
      <c r="H627" s="45">
        <v>19</v>
      </c>
      <c r="I627" s="45">
        <v>11.3</v>
      </c>
      <c r="J627" s="45">
        <v>2</v>
      </c>
      <c r="K627" s="45">
        <v>-11.1</v>
      </c>
      <c r="L627" s="55">
        <v>0</v>
      </c>
    </row>
    <row r="628" spans="1:25" x14ac:dyDescent="0.2">
      <c r="B628" s="72"/>
      <c r="C628" s="38" t="s">
        <v>45</v>
      </c>
      <c r="D628" s="44">
        <v>240</v>
      </c>
      <c r="E628" s="45">
        <v>3.8</v>
      </c>
      <c r="F628" s="45">
        <v>15</v>
      </c>
      <c r="G628" s="45">
        <v>51.3</v>
      </c>
      <c r="H628" s="45">
        <v>17.5</v>
      </c>
      <c r="I628" s="45">
        <v>10.8</v>
      </c>
      <c r="J628" s="45">
        <v>1.7</v>
      </c>
      <c r="K628" s="45">
        <v>-8.5</v>
      </c>
      <c r="L628" s="55">
        <v>0</v>
      </c>
    </row>
    <row r="629" spans="1:25" x14ac:dyDescent="0.2">
      <c r="B629" s="72"/>
      <c r="C629" s="38" t="s">
        <v>46</v>
      </c>
      <c r="D629" s="44">
        <v>117</v>
      </c>
      <c r="E629" s="45">
        <v>1.7</v>
      </c>
      <c r="F629" s="45">
        <v>16.2</v>
      </c>
      <c r="G629" s="45">
        <v>53.8</v>
      </c>
      <c r="H629" s="45">
        <v>22.2</v>
      </c>
      <c r="I629" s="45">
        <v>4.3</v>
      </c>
      <c r="J629" s="45">
        <v>1.7</v>
      </c>
      <c r="K629" s="45">
        <v>-5.7</v>
      </c>
      <c r="L629" s="55">
        <v>0</v>
      </c>
    </row>
    <row r="630" spans="1:25" x14ac:dyDescent="0.2">
      <c r="B630" s="72"/>
      <c r="C630" s="38" t="s">
        <v>47</v>
      </c>
      <c r="D630" s="44">
        <v>461</v>
      </c>
      <c r="E630" s="45">
        <v>2.2000000000000002</v>
      </c>
      <c r="F630" s="45">
        <v>20.399999999999999</v>
      </c>
      <c r="G630" s="45">
        <v>45.3</v>
      </c>
      <c r="H630" s="45">
        <v>18.7</v>
      </c>
      <c r="I630" s="45">
        <v>11.9</v>
      </c>
      <c r="J630" s="45">
        <v>1.5</v>
      </c>
      <c r="K630" s="45">
        <v>-9</v>
      </c>
      <c r="L630" s="55">
        <v>0</v>
      </c>
    </row>
    <row r="631" spans="1:25" ht="21.6" x14ac:dyDescent="0.2">
      <c r="B631" s="72"/>
      <c r="C631" s="39" t="s">
        <v>48</v>
      </c>
      <c r="D631" s="47">
        <v>2307</v>
      </c>
      <c r="E631" s="48">
        <v>2.4</v>
      </c>
      <c r="F631" s="48">
        <v>16.7</v>
      </c>
      <c r="G631" s="48">
        <v>50.2</v>
      </c>
      <c r="H631" s="48">
        <v>17.899999999999999</v>
      </c>
      <c r="I631" s="48">
        <v>10.9</v>
      </c>
      <c r="J631" s="48">
        <v>1.9</v>
      </c>
      <c r="K631" s="48">
        <v>-9.3000000000000007</v>
      </c>
      <c r="L631" s="56">
        <v>0</v>
      </c>
    </row>
    <row r="632" spans="1:25" x14ac:dyDescent="0.2">
      <c r="B632" s="7" t="s">
        <v>49</v>
      </c>
      <c r="C632" s="4" t="s">
        <v>101</v>
      </c>
    </row>
    <row r="633" spans="1:25" x14ac:dyDescent="0.2">
      <c r="B633" s="4"/>
      <c r="C633" s="4" t="s">
        <v>51</v>
      </c>
    </row>
    <row r="635" spans="1:25" x14ac:dyDescent="0.2">
      <c r="A635" s="26" t="s">
        <v>25</v>
      </c>
      <c r="B635" t="s">
        <v>35</v>
      </c>
      <c r="C635" t="s">
        <v>35</v>
      </c>
    </row>
    <row r="636" spans="1:25" x14ac:dyDescent="0.2">
      <c r="B636" s="70" t="s">
        <v>102</v>
      </c>
      <c r="C636" s="71"/>
      <c r="D636" s="71"/>
      <c r="E636" s="71"/>
      <c r="F636" s="71"/>
      <c r="G636" s="71"/>
      <c r="H636" s="71"/>
      <c r="I636" s="71"/>
      <c r="J636" s="71"/>
      <c r="K636" s="71"/>
      <c r="L636" s="71"/>
      <c r="M636" s="71"/>
      <c r="N636" s="71"/>
      <c r="O636" s="71"/>
      <c r="P636" s="71"/>
      <c r="Q636" s="71"/>
      <c r="R636" s="71"/>
      <c r="S636" s="71"/>
      <c r="T636" s="71"/>
      <c r="U636" s="71"/>
      <c r="V636" s="71"/>
      <c r="W636" s="71"/>
      <c r="X636" s="71"/>
      <c r="Y636" s="71"/>
    </row>
    <row r="637" spans="1:25" s="32" customFormat="1" ht="36.450000000000003" customHeight="1" x14ac:dyDescent="0.15">
      <c r="A637" s="31"/>
      <c r="D637" s="33" t="s">
        <v>341</v>
      </c>
      <c r="E637" s="36" t="s">
        <v>500</v>
      </c>
      <c r="F637" s="51" t="s">
        <v>488</v>
      </c>
      <c r="G637" s="51" t="s">
        <v>501</v>
      </c>
      <c r="H637" s="37" t="s">
        <v>443</v>
      </c>
      <c r="I637" s="35" t="s">
        <v>344</v>
      </c>
    </row>
    <row r="638" spans="1:25" x14ac:dyDescent="0.2">
      <c r="B638" s="5"/>
      <c r="C638" s="40" t="s">
        <v>38</v>
      </c>
      <c r="D638" s="41">
        <v>4307</v>
      </c>
      <c r="E638" s="42">
        <v>19.3</v>
      </c>
      <c r="F638" s="42">
        <v>49.7</v>
      </c>
      <c r="G638" s="42">
        <v>28.7</v>
      </c>
      <c r="H638" s="43">
        <v>2.2999999999999998</v>
      </c>
    </row>
    <row r="639" spans="1:25" x14ac:dyDescent="0.2">
      <c r="B639" s="72" t="s">
        <v>37</v>
      </c>
      <c r="C639" s="38" t="s">
        <v>39</v>
      </c>
      <c r="D639" s="44">
        <v>1325</v>
      </c>
      <c r="E639" s="45">
        <v>20.399999999999999</v>
      </c>
      <c r="F639" s="45">
        <v>48.6</v>
      </c>
      <c r="G639" s="45">
        <v>28.2</v>
      </c>
      <c r="H639" s="46">
        <v>2.9</v>
      </c>
    </row>
    <row r="640" spans="1:25" x14ac:dyDescent="0.2">
      <c r="B640" s="72"/>
      <c r="C640" s="38" t="s">
        <v>40</v>
      </c>
      <c r="D640" s="44">
        <v>675</v>
      </c>
      <c r="E640" s="45">
        <v>17.8</v>
      </c>
      <c r="F640" s="45">
        <v>50.2</v>
      </c>
      <c r="G640" s="45">
        <v>29</v>
      </c>
      <c r="H640" s="46">
        <v>3</v>
      </c>
    </row>
    <row r="641" spans="1:25" x14ac:dyDescent="0.2">
      <c r="B641" s="72"/>
      <c r="C641" s="38" t="s">
        <v>41</v>
      </c>
      <c r="D641" s="44">
        <v>168</v>
      </c>
      <c r="E641" s="45">
        <v>17.899999999999999</v>
      </c>
      <c r="F641" s="45">
        <v>51.8</v>
      </c>
      <c r="G641" s="45">
        <v>29.2</v>
      </c>
      <c r="H641" s="46">
        <v>1.2</v>
      </c>
    </row>
    <row r="642" spans="1:25" x14ac:dyDescent="0.2">
      <c r="B642" s="72"/>
      <c r="C642" s="38" t="s">
        <v>42</v>
      </c>
      <c r="D642" s="44">
        <v>290</v>
      </c>
      <c r="E642" s="45">
        <v>20.3</v>
      </c>
      <c r="F642" s="45">
        <v>52.4</v>
      </c>
      <c r="G642" s="45">
        <v>25.2</v>
      </c>
      <c r="H642" s="46">
        <v>2.1</v>
      </c>
    </row>
    <row r="643" spans="1:25" x14ac:dyDescent="0.2">
      <c r="B643" s="72"/>
      <c r="C643" s="38" t="s">
        <v>43</v>
      </c>
      <c r="D643" s="44">
        <v>231</v>
      </c>
      <c r="E643" s="45">
        <v>16.5</v>
      </c>
      <c r="F643" s="45">
        <v>54.5</v>
      </c>
      <c r="G643" s="45">
        <v>26.4</v>
      </c>
      <c r="H643" s="46">
        <v>2.6</v>
      </c>
    </row>
    <row r="644" spans="1:25" x14ac:dyDescent="0.2">
      <c r="B644" s="72"/>
      <c r="C644" s="38" t="s">
        <v>44</v>
      </c>
      <c r="D644" s="44">
        <v>800</v>
      </c>
      <c r="E644" s="45">
        <v>18</v>
      </c>
      <c r="F644" s="45">
        <v>49.8</v>
      </c>
      <c r="G644" s="45">
        <v>30.3</v>
      </c>
      <c r="H644" s="46">
        <v>2</v>
      </c>
    </row>
    <row r="645" spans="1:25" x14ac:dyDescent="0.2">
      <c r="B645" s="72"/>
      <c r="C645" s="38" t="s">
        <v>45</v>
      </c>
      <c r="D645" s="44">
        <v>240</v>
      </c>
      <c r="E645" s="45">
        <v>18.8</v>
      </c>
      <c r="F645" s="45">
        <v>51.3</v>
      </c>
      <c r="G645" s="45">
        <v>28.3</v>
      </c>
      <c r="H645" s="46">
        <v>1.7</v>
      </c>
    </row>
    <row r="646" spans="1:25" x14ac:dyDescent="0.2">
      <c r="B646" s="72"/>
      <c r="C646" s="38" t="s">
        <v>46</v>
      </c>
      <c r="D646" s="44">
        <v>117</v>
      </c>
      <c r="E646" s="45">
        <v>17.899999999999999</v>
      </c>
      <c r="F646" s="45">
        <v>53.8</v>
      </c>
      <c r="G646" s="45">
        <v>26.5</v>
      </c>
      <c r="H646" s="46">
        <v>1.7</v>
      </c>
    </row>
    <row r="647" spans="1:25" x14ac:dyDescent="0.2">
      <c r="B647" s="72"/>
      <c r="C647" s="38" t="s">
        <v>47</v>
      </c>
      <c r="D647" s="44">
        <v>461</v>
      </c>
      <c r="E647" s="45">
        <v>22.6</v>
      </c>
      <c r="F647" s="45">
        <v>45.3</v>
      </c>
      <c r="G647" s="45">
        <v>30.6</v>
      </c>
      <c r="H647" s="46">
        <v>1.5</v>
      </c>
    </row>
    <row r="648" spans="1:25" ht="21.6" x14ac:dyDescent="0.2">
      <c r="B648" s="72"/>
      <c r="C648" s="39" t="s">
        <v>48</v>
      </c>
      <c r="D648" s="47">
        <v>2307</v>
      </c>
      <c r="E648" s="48">
        <v>19.100000000000001</v>
      </c>
      <c r="F648" s="48">
        <v>50.2</v>
      </c>
      <c r="G648" s="48">
        <v>28.8</v>
      </c>
      <c r="H648" s="49">
        <v>1.9</v>
      </c>
    </row>
    <row r="650" spans="1:25" x14ac:dyDescent="0.2">
      <c r="A650" s="26" t="s">
        <v>25</v>
      </c>
      <c r="B650" t="s">
        <v>35</v>
      </c>
      <c r="C650" t="s">
        <v>35</v>
      </c>
    </row>
    <row r="651" spans="1:25" x14ac:dyDescent="0.2">
      <c r="B651" s="70" t="s">
        <v>103</v>
      </c>
      <c r="C651" s="71"/>
      <c r="D651" s="71"/>
      <c r="E651" s="71"/>
      <c r="F651" s="71"/>
      <c r="G651" s="71"/>
      <c r="H651" s="71"/>
      <c r="I651" s="71"/>
      <c r="J651" s="71"/>
      <c r="K651" s="71"/>
      <c r="L651" s="71"/>
      <c r="M651" s="71"/>
      <c r="N651" s="71"/>
      <c r="O651" s="71"/>
      <c r="P651" s="71"/>
      <c r="Q651" s="71"/>
      <c r="R651" s="71"/>
      <c r="S651" s="71"/>
      <c r="T651" s="71"/>
      <c r="U651" s="71"/>
      <c r="V651" s="71"/>
      <c r="W651" s="71"/>
      <c r="X651" s="71"/>
      <c r="Y651" s="71"/>
    </row>
    <row r="652" spans="1:25" s="32" customFormat="1" ht="47.25" customHeight="1" x14ac:dyDescent="0.15">
      <c r="A652" s="31"/>
      <c r="D652" s="33" t="s">
        <v>341</v>
      </c>
      <c r="E652" s="36" t="s">
        <v>508</v>
      </c>
      <c r="F652" s="51" t="s">
        <v>509</v>
      </c>
      <c r="G652" s="51" t="s">
        <v>484</v>
      </c>
      <c r="H652" s="51" t="s">
        <v>510</v>
      </c>
      <c r="I652" s="51" t="s">
        <v>511</v>
      </c>
      <c r="J652" s="51" t="s">
        <v>443</v>
      </c>
      <c r="K652" s="52" t="s">
        <v>350</v>
      </c>
      <c r="L652" s="53" t="s">
        <v>351</v>
      </c>
      <c r="M652" s="50" t="s">
        <v>344</v>
      </c>
    </row>
    <row r="653" spans="1:25" x14ac:dyDescent="0.2">
      <c r="B653" s="5"/>
      <c r="C653" s="40" t="s">
        <v>38</v>
      </c>
      <c r="D653" s="41">
        <v>4307</v>
      </c>
      <c r="E653" s="42">
        <v>1.5</v>
      </c>
      <c r="F653" s="42">
        <v>15</v>
      </c>
      <c r="G653" s="42">
        <v>56.8</v>
      </c>
      <c r="H653" s="42">
        <v>13</v>
      </c>
      <c r="I653" s="42">
        <v>6</v>
      </c>
      <c r="J653" s="42">
        <v>7.8</v>
      </c>
      <c r="K653" s="42">
        <v>-3.8</v>
      </c>
      <c r="L653" s="54">
        <v>0</v>
      </c>
    </row>
    <row r="654" spans="1:25" x14ac:dyDescent="0.2">
      <c r="B654" s="72" t="s">
        <v>37</v>
      </c>
      <c r="C654" s="38" t="s">
        <v>39</v>
      </c>
      <c r="D654" s="44">
        <v>1325</v>
      </c>
      <c r="E654" s="45">
        <v>1.9</v>
      </c>
      <c r="F654" s="45">
        <v>16.2</v>
      </c>
      <c r="G654" s="45">
        <v>56.3</v>
      </c>
      <c r="H654" s="45">
        <v>12.3</v>
      </c>
      <c r="I654" s="45">
        <v>5.7</v>
      </c>
      <c r="J654" s="45">
        <v>7.6</v>
      </c>
      <c r="K654" s="45">
        <v>-2.1</v>
      </c>
      <c r="L654" s="55">
        <v>0</v>
      </c>
    </row>
    <row r="655" spans="1:25" x14ac:dyDescent="0.2">
      <c r="B655" s="72"/>
      <c r="C655" s="38" t="s">
        <v>40</v>
      </c>
      <c r="D655" s="44">
        <v>675</v>
      </c>
      <c r="E655" s="45">
        <v>2.1</v>
      </c>
      <c r="F655" s="45">
        <v>12.6</v>
      </c>
      <c r="G655" s="45">
        <v>57.6</v>
      </c>
      <c r="H655" s="45">
        <v>13.5</v>
      </c>
      <c r="I655" s="45">
        <v>6.1</v>
      </c>
      <c r="J655" s="45">
        <v>8.1</v>
      </c>
      <c r="K655" s="45">
        <v>-4.8</v>
      </c>
      <c r="L655" s="55">
        <v>0</v>
      </c>
    </row>
    <row r="656" spans="1:25" x14ac:dyDescent="0.2">
      <c r="B656" s="72"/>
      <c r="C656" s="38" t="s">
        <v>41</v>
      </c>
      <c r="D656" s="44">
        <v>168</v>
      </c>
      <c r="E656" s="45">
        <v>1.8</v>
      </c>
      <c r="F656" s="45">
        <v>13.1</v>
      </c>
      <c r="G656" s="45">
        <v>67.3</v>
      </c>
      <c r="H656" s="45">
        <v>9.5</v>
      </c>
      <c r="I656" s="45">
        <v>4.8</v>
      </c>
      <c r="J656" s="45">
        <v>3.6</v>
      </c>
      <c r="K656" s="45">
        <v>-1.2</v>
      </c>
      <c r="L656" s="55">
        <v>0</v>
      </c>
    </row>
    <row r="657" spans="1:25" x14ac:dyDescent="0.2">
      <c r="B657" s="72"/>
      <c r="C657" s="38" t="s">
        <v>42</v>
      </c>
      <c r="D657" s="44">
        <v>290</v>
      </c>
      <c r="E657" s="45">
        <v>1.4</v>
      </c>
      <c r="F657" s="45">
        <v>16.2</v>
      </c>
      <c r="G657" s="45">
        <v>53.4</v>
      </c>
      <c r="H657" s="45">
        <v>14.8</v>
      </c>
      <c r="I657" s="45">
        <v>4.8</v>
      </c>
      <c r="J657" s="45">
        <v>9.3000000000000007</v>
      </c>
      <c r="K657" s="45">
        <v>-3</v>
      </c>
      <c r="L657" s="55">
        <v>0</v>
      </c>
    </row>
    <row r="658" spans="1:25" x14ac:dyDescent="0.2">
      <c r="B658" s="72"/>
      <c r="C658" s="38" t="s">
        <v>43</v>
      </c>
      <c r="D658" s="44">
        <v>231</v>
      </c>
      <c r="E658" s="45">
        <v>0.9</v>
      </c>
      <c r="F658" s="45">
        <v>14.7</v>
      </c>
      <c r="G658" s="45">
        <v>56.7</v>
      </c>
      <c r="H658" s="45">
        <v>13</v>
      </c>
      <c r="I658" s="45">
        <v>6.5</v>
      </c>
      <c r="J658" s="45">
        <v>8.1999999999999993</v>
      </c>
      <c r="K658" s="45">
        <v>-5.2</v>
      </c>
      <c r="L658" s="55">
        <v>0</v>
      </c>
    </row>
    <row r="659" spans="1:25" x14ac:dyDescent="0.2">
      <c r="B659" s="72"/>
      <c r="C659" s="38" t="s">
        <v>44</v>
      </c>
      <c r="D659" s="44">
        <v>800</v>
      </c>
      <c r="E659" s="45">
        <v>1.1000000000000001</v>
      </c>
      <c r="F659" s="45">
        <v>14.6</v>
      </c>
      <c r="G659" s="45">
        <v>56.5</v>
      </c>
      <c r="H659" s="45">
        <v>14.3</v>
      </c>
      <c r="I659" s="45">
        <v>5.9</v>
      </c>
      <c r="J659" s="45">
        <v>7.6</v>
      </c>
      <c r="K659" s="45">
        <v>-4.9000000000000004</v>
      </c>
      <c r="L659" s="55">
        <v>0</v>
      </c>
    </row>
    <row r="660" spans="1:25" x14ac:dyDescent="0.2">
      <c r="B660" s="72"/>
      <c r="C660" s="38" t="s">
        <v>45</v>
      </c>
      <c r="D660" s="44">
        <v>240</v>
      </c>
      <c r="E660" s="45">
        <v>0</v>
      </c>
      <c r="F660" s="45">
        <v>16.7</v>
      </c>
      <c r="G660" s="45">
        <v>55.4</v>
      </c>
      <c r="H660" s="45">
        <v>11.3</v>
      </c>
      <c r="I660" s="45">
        <v>7.5</v>
      </c>
      <c r="J660" s="45">
        <v>9.1999999999999993</v>
      </c>
      <c r="K660" s="45">
        <v>-5.3</v>
      </c>
      <c r="L660" s="55">
        <v>0</v>
      </c>
    </row>
    <row r="661" spans="1:25" x14ac:dyDescent="0.2">
      <c r="B661" s="72"/>
      <c r="C661" s="38" t="s">
        <v>46</v>
      </c>
      <c r="D661" s="44">
        <v>117</v>
      </c>
      <c r="E661" s="45">
        <v>0.9</v>
      </c>
      <c r="F661" s="45">
        <v>13.7</v>
      </c>
      <c r="G661" s="45">
        <v>57.3</v>
      </c>
      <c r="H661" s="45">
        <v>17.100000000000001</v>
      </c>
      <c r="I661" s="45">
        <v>5.0999999999999996</v>
      </c>
      <c r="J661" s="45">
        <v>6</v>
      </c>
      <c r="K661" s="45">
        <v>-6.4</v>
      </c>
      <c r="L661" s="55">
        <v>0</v>
      </c>
    </row>
    <row r="662" spans="1:25" x14ac:dyDescent="0.2">
      <c r="B662" s="72"/>
      <c r="C662" s="38" t="s">
        <v>47</v>
      </c>
      <c r="D662" s="44">
        <v>461</v>
      </c>
      <c r="E662" s="45">
        <v>1.5</v>
      </c>
      <c r="F662" s="45">
        <v>15</v>
      </c>
      <c r="G662" s="45">
        <v>56.2</v>
      </c>
      <c r="H662" s="45">
        <v>11.7</v>
      </c>
      <c r="I662" s="45">
        <v>7.6</v>
      </c>
      <c r="J662" s="45">
        <v>8</v>
      </c>
      <c r="K662" s="45">
        <v>-4.8</v>
      </c>
      <c r="L662" s="55">
        <v>0</v>
      </c>
    </row>
    <row r="663" spans="1:25" ht="21.6" x14ac:dyDescent="0.2">
      <c r="B663" s="72"/>
      <c r="C663" s="39" t="s">
        <v>48</v>
      </c>
      <c r="D663" s="47">
        <v>2307</v>
      </c>
      <c r="E663" s="48">
        <v>1.1000000000000001</v>
      </c>
      <c r="F663" s="48">
        <v>15</v>
      </c>
      <c r="G663" s="48">
        <v>56.8</v>
      </c>
      <c r="H663" s="48">
        <v>13.2</v>
      </c>
      <c r="I663" s="48">
        <v>6.2</v>
      </c>
      <c r="J663" s="48">
        <v>7.8</v>
      </c>
      <c r="K663" s="48">
        <v>-4.5</v>
      </c>
      <c r="L663" s="56">
        <v>0</v>
      </c>
    </row>
    <row r="664" spans="1:25" x14ac:dyDescent="0.2">
      <c r="B664" s="7" t="s">
        <v>49</v>
      </c>
      <c r="C664" s="4" t="s">
        <v>104</v>
      </c>
    </row>
    <row r="665" spans="1:25" x14ac:dyDescent="0.2">
      <c r="B665" s="4"/>
      <c r="C665" s="4" t="s">
        <v>51</v>
      </c>
    </row>
    <row r="667" spans="1:25" x14ac:dyDescent="0.2">
      <c r="A667" s="26" t="s">
        <v>25</v>
      </c>
      <c r="B667" t="s">
        <v>35</v>
      </c>
      <c r="C667" t="s">
        <v>35</v>
      </c>
    </row>
    <row r="668" spans="1:25" x14ac:dyDescent="0.2">
      <c r="B668" s="70" t="s">
        <v>105</v>
      </c>
      <c r="C668" s="71"/>
      <c r="D668" s="71"/>
      <c r="E668" s="71"/>
      <c r="F668" s="71"/>
      <c r="G668" s="71"/>
      <c r="H668" s="71"/>
      <c r="I668" s="71"/>
      <c r="J668" s="71"/>
      <c r="K668" s="71"/>
      <c r="L668" s="71"/>
      <c r="M668" s="71"/>
      <c r="N668" s="71"/>
      <c r="O668" s="71"/>
      <c r="P668" s="71"/>
      <c r="Q668" s="71"/>
      <c r="R668" s="71"/>
      <c r="S668" s="71"/>
      <c r="T668" s="71"/>
      <c r="U668" s="71"/>
      <c r="V668" s="71"/>
      <c r="W668" s="71"/>
      <c r="X668" s="71"/>
      <c r="Y668" s="71"/>
    </row>
    <row r="669" spans="1:25" s="32" customFormat="1" ht="36.450000000000003" customHeight="1" x14ac:dyDescent="0.15">
      <c r="A669" s="31"/>
      <c r="D669" s="33" t="s">
        <v>341</v>
      </c>
      <c r="E669" s="36" t="s">
        <v>512</v>
      </c>
      <c r="F669" s="51" t="s">
        <v>488</v>
      </c>
      <c r="G669" s="51" t="s">
        <v>513</v>
      </c>
      <c r="H669" s="37" t="s">
        <v>443</v>
      </c>
      <c r="I669" s="35" t="s">
        <v>344</v>
      </c>
    </row>
    <row r="670" spans="1:25" x14ac:dyDescent="0.2">
      <c r="B670" s="5"/>
      <c r="C670" s="40" t="s">
        <v>38</v>
      </c>
      <c r="D670" s="41">
        <v>4307</v>
      </c>
      <c r="E670" s="42">
        <v>16.5</v>
      </c>
      <c r="F670" s="42">
        <v>56.8</v>
      </c>
      <c r="G670" s="42">
        <v>19</v>
      </c>
      <c r="H670" s="43">
        <v>7.8</v>
      </c>
    </row>
    <row r="671" spans="1:25" x14ac:dyDescent="0.2">
      <c r="B671" s="72" t="s">
        <v>37</v>
      </c>
      <c r="C671" s="38" t="s">
        <v>39</v>
      </c>
      <c r="D671" s="44">
        <v>1325</v>
      </c>
      <c r="E671" s="45">
        <v>18</v>
      </c>
      <c r="F671" s="45">
        <v>56.3</v>
      </c>
      <c r="G671" s="45">
        <v>18</v>
      </c>
      <c r="H671" s="46">
        <v>7.6</v>
      </c>
    </row>
    <row r="672" spans="1:25" x14ac:dyDescent="0.2">
      <c r="B672" s="72"/>
      <c r="C672" s="38" t="s">
        <v>40</v>
      </c>
      <c r="D672" s="44">
        <v>675</v>
      </c>
      <c r="E672" s="45">
        <v>14.7</v>
      </c>
      <c r="F672" s="45">
        <v>57.6</v>
      </c>
      <c r="G672" s="45">
        <v>19.600000000000001</v>
      </c>
      <c r="H672" s="46">
        <v>8.1</v>
      </c>
    </row>
    <row r="673" spans="1:25" x14ac:dyDescent="0.2">
      <c r="B673" s="72"/>
      <c r="C673" s="38" t="s">
        <v>41</v>
      </c>
      <c r="D673" s="44">
        <v>168</v>
      </c>
      <c r="E673" s="45">
        <v>14.9</v>
      </c>
      <c r="F673" s="45">
        <v>67.3</v>
      </c>
      <c r="G673" s="45">
        <v>14.3</v>
      </c>
      <c r="H673" s="46">
        <v>3.6</v>
      </c>
    </row>
    <row r="674" spans="1:25" x14ac:dyDescent="0.2">
      <c r="B674" s="72"/>
      <c r="C674" s="38" t="s">
        <v>42</v>
      </c>
      <c r="D674" s="44">
        <v>290</v>
      </c>
      <c r="E674" s="45">
        <v>17.600000000000001</v>
      </c>
      <c r="F674" s="45">
        <v>53.4</v>
      </c>
      <c r="G674" s="45">
        <v>19.7</v>
      </c>
      <c r="H674" s="46">
        <v>9.3000000000000007</v>
      </c>
    </row>
    <row r="675" spans="1:25" x14ac:dyDescent="0.2">
      <c r="B675" s="72"/>
      <c r="C675" s="38" t="s">
        <v>43</v>
      </c>
      <c r="D675" s="44">
        <v>231</v>
      </c>
      <c r="E675" s="45">
        <v>15.6</v>
      </c>
      <c r="F675" s="45">
        <v>56.7</v>
      </c>
      <c r="G675" s="45">
        <v>19.5</v>
      </c>
      <c r="H675" s="46">
        <v>8.1999999999999993</v>
      </c>
    </row>
    <row r="676" spans="1:25" x14ac:dyDescent="0.2">
      <c r="B676" s="72"/>
      <c r="C676" s="38" t="s">
        <v>44</v>
      </c>
      <c r="D676" s="44">
        <v>800</v>
      </c>
      <c r="E676" s="45">
        <v>15.8</v>
      </c>
      <c r="F676" s="45">
        <v>56.5</v>
      </c>
      <c r="G676" s="45">
        <v>20.100000000000001</v>
      </c>
      <c r="H676" s="46">
        <v>7.6</v>
      </c>
    </row>
    <row r="677" spans="1:25" x14ac:dyDescent="0.2">
      <c r="B677" s="72"/>
      <c r="C677" s="38" t="s">
        <v>45</v>
      </c>
      <c r="D677" s="44">
        <v>240</v>
      </c>
      <c r="E677" s="45">
        <v>16.7</v>
      </c>
      <c r="F677" s="45">
        <v>55.4</v>
      </c>
      <c r="G677" s="45">
        <v>18.8</v>
      </c>
      <c r="H677" s="46">
        <v>9.1999999999999993</v>
      </c>
    </row>
    <row r="678" spans="1:25" x14ac:dyDescent="0.2">
      <c r="B678" s="72"/>
      <c r="C678" s="38" t="s">
        <v>46</v>
      </c>
      <c r="D678" s="44">
        <v>117</v>
      </c>
      <c r="E678" s="45">
        <v>14.5</v>
      </c>
      <c r="F678" s="45">
        <v>57.3</v>
      </c>
      <c r="G678" s="45">
        <v>22.2</v>
      </c>
      <c r="H678" s="46">
        <v>6</v>
      </c>
    </row>
    <row r="679" spans="1:25" x14ac:dyDescent="0.2">
      <c r="B679" s="72"/>
      <c r="C679" s="38" t="s">
        <v>47</v>
      </c>
      <c r="D679" s="44">
        <v>461</v>
      </c>
      <c r="E679" s="45">
        <v>16.5</v>
      </c>
      <c r="F679" s="45">
        <v>56.2</v>
      </c>
      <c r="G679" s="45">
        <v>19.3</v>
      </c>
      <c r="H679" s="46">
        <v>8</v>
      </c>
    </row>
    <row r="680" spans="1:25" ht="21.6" x14ac:dyDescent="0.2">
      <c r="B680" s="72"/>
      <c r="C680" s="39" t="s">
        <v>48</v>
      </c>
      <c r="D680" s="47">
        <v>2307</v>
      </c>
      <c r="E680" s="48">
        <v>16.100000000000001</v>
      </c>
      <c r="F680" s="48">
        <v>56.8</v>
      </c>
      <c r="G680" s="48">
        <v>19.399999999999999</v>
      </c>
      <c r="H680" s="49">
        <v>7.8</v>
      </c>
    </row>
    <row r="682" spans="1:25" x14ac:dyDescent="0.2">
      <c r="A682" s="26" t="s">
        <v>25</v>
      </c>
      <c r="B682" t="s">
        <v>35</v>
      </c>
      <c r="C682" t="s">
        <v>35</v>
      </c>
    </row>
    <row r="683" spans="1:25" x14ac:dyDescent="0.2">
      <c r="B683" s="70" t="s">
        <v>106</v>
      </c>
      <c r="C683" s="71"/>
      <c r="D683" s="71"/>
      <c r="E683" s="71"/>
      <c r="F683" s="71"/>
      <c r="G683" s="71"/>
      <c r="H683" s="71"/>
      <c r="I683" s="71"/>
      <c r="J683" s="71"/>
      <c r="K683" s="71"/>
      <c r="L683" s="71"/>
      <c r="M683" s="71"/>
      <c r="N683" s="71"/>
      <c r="O683" s="71"/>
      <c r="P683" s="71"/>
      <c r="Q683" s="71"/>
      <c r="R683" s="71"/>
      <c r="S683" s="71"/>
      <c r="T683" s="71"/>
      <c r="U683" s="71"/>
      <c r="V683" s="71"/>
      <c r="W683" s="71"/>
      <c r="X683" s="71"/>
      <c r="Y683" s="71"/>
    </row>
    <row r="684" spans="1:25" s="32" customFormat="1" ht="47.25" customHeight="1" x14ac:dyDescent="0.15">
      <c r="A684" s="31"/>
      <c r="D684" s="33" t="s">
        <v>341</v>
      </c>
      <c r="E684" s="36" t="s">
        <v>496</v>
      </c>
      <c r="F684" s="51" t="s">
        <v>497</v>
      </c>
      <c r="G684" s="51" t="s">
        <v>484</v>
      </c>
      <c r="H684" s="51" t="s">
        <v>498</v>
      </c>
      <c r="I684" s="51" t="s">
        <v>499</v>
      </c>
      <c r="J684" s="51" t="s">
        <v>443</v>
      </c>
      <c r="K684" s="52" t="s">
        <v>350</v>
      </c>
      <c r="L684" s="53" t="s">
        <v>351</v>
      </c>
      <c r="M684" s="50" t="s">
        <v>344</v>
      </c>
    </row>
    <row r="685" spans="1:25" x14ac:dyDescent="0.2">
      <c r="B685" s="5"/>
      <c r="C685" s="40" t="s">
        <v>38</v>
      </c>
      <c r="D685" s="41">
        <v>4307</v>
      </c>
      <c r="E685" s="42">
        <v>2</v>
      </c>
      <c r="F685" s="42">
        <v>14.6</v>
      </c>
      <c r="G685" s="42">
        <v>47.7</v>
      </c>
      <c r="H685" s="42">
        <v>19.5</v>
      </c>
      <c r="I685" s="42">
        <v>11.2</v>
      </c>
      <c r="J685" s="42">
        <v>5</v>
      </c>
      <c r="K685" s="42">
        <v>-12.2</v>
      </c>
      <c r="L685" s="54">
        <v>0</v>
      </c>
    </row>
    <row r="686" spans="1:25" x14ac:dyDescent="0.2">
      <c r="B686" s="72" t="s">
        <v>37</v>
      </c>
      <c r="C686" s="38" t="s">
        <v>39</v>
      </c>
      <c r="D686" s="44">
        <v>1325</v>
      </c>
      <c r="E686" s="45">
        <v>2</v>
      </c>
      <c r="F686" s="45">
        <v>15.5</v>
      </c>
      <c r="G686" s="45">
        <v>47.9</v>
      </c>
      <c r="H686" s="45">
        <v>17.600000000000001</v>
      </c>
      <c r="I686" s="45">
        <v>11.5</v>
      </c>
      <c r="J686" s="45">
        <v>5.4</v>
      </c>
      <c r="K686" s="45">
        <v>-11.1</v>
      </c>
      <c r="L686" s="55">
        <v>0</v>
      </c>
    </row>
    <row r="687" spans="1:25" x14ac:dyDescent="0.2">
      <c r="B687" s="72"/>
      <c r="C687" s="38" t="s">
        <v>40</v>
      </c>
      <c r="D687" s="44">
        <v>675</v>
      </c>
      <c r="E687" s="45">
        <v>2.5</v>
      </c>
      <c r="F687" s="45">
        <v>13</v>
      </c>
      <c r="G687" s="45">
        <v>47.7</v>
      </c>
      <c r="H687" s="45">
        <v>20.100000000000001</v>
      </c>
      <c r="I687" s="45">
        <v>11.7</v>
      </c>
      <c r="J687" s="45">
        <v>4.9000000000000004</v>
      </c>
      <c r="K687" s="45">
        <v>-13.4</v>
      </c>
      <c r="L687" s="55">
        <v>0</v>
      </c>
    </row>
    <row r="688" spans="1:25" x14ac:dyDescent="0.2">
      <c r="B688" s="72"/>
      <c r="C688" s="38" t="s">
        <v>41</v>
      </c>
      <c r="D688" s="44">
        <v>168</v>
      </c>
      <c r="E688" s="45">
        <v>3</v>
      </c>
      <c r="F688" s="45">
        <v>14.3</v>
      </c>
      <c r="G688" s="45">
        <v>47.6</v>
      </c>
      <c r="H688" s="45">
        <v>17.899999999999999</v>
      </c>
      <c r="I688" s="45">
        <v>11.3</v>
      </c>
      <c r="J688" s="45">
        <v>6</v>
      </c>
      <c r="K688" s="45">
        <v>-10.8</v>
      </c>
      <c r="L688" s="55">
        <v>0</v>
      </c>
    </row>
    <row r="689" spans="1:25" x14ac:dyDescent="0.2">
      <c r="B689" s="72"/>
      <c r="C689" s="38" t="s">
        <v>42</v>
      </c>
      <c r="D689" s="44">
        <v>290</v>
      </c>
      <c r="E689" s="45">
        <v>2.1</v>
      </c>
      <c r="F689" s="45">
        <v>14.5</v>
      </c>
      <c r="G689" s="45">
        <v>50.7</v>
      </c>
      <c r="H689" s="45">
        <v>17.600000000000001</v>
      </c>
      <c r="I689" s="45">
        <v>10.3</v>
      </c>
      <c r="J689" s="45">
        <v>4.8</v>
      </c>
      <c r="K689" s="45">
        <v>-10.3</v>
      </c>
      <c r="L689" s="55">
        <v>0</v>
      </c>
    </row>
    <row r="690" spans="1:25" x14ac:dyDescent="0.2">
      <c r="B690" s="72"/>
      <c r="C690" s="38" t="s">
        <v>43</v>
      </c>
      <c r="D690" s="44">
        <v>231</v>
      </c>
      <c r="E690" s="45">
        <v>2.6</v>
      </c>
      <c r="F690" s="45">
        <v>11.7</v>
      </c>
      <c r="G690" s="45">
        <v>52.4</v>
      </c>
      <c r="H690" s="45">
        <v>17.7</v>
      </c>
      <c r="I690" s="45">
        <v>10.4</v>
      </c>
      <c r="J690" s="45">
        <v>5.2</v>
      </c>
      <c r="K690" s="45">
        <v>-11.4</v>
      </c>
      <c r="L690" s="55">
        <v>0</v>
      </c>
    </row>
    <row r="691" spans="1:25" x14ac:dyDescent="0.2">
      <c r="B691" s="72"/>
      <c r="C691" s="38" t="s">
        <v>44</v>
      </c>
      <c r="D691" s="44">
        <v>800</v>
      </c>
      <c r="E691" s="45">
        <v>1.4</v>
      </c>
      <c r="F691" s="45">
        <v>14.9</v>
      </c>
      <c r="G691" s="45">
        <v>44.8</v>
      </c>
      <c r="H691" s="45">
        <v>22.5</v>
      </c>
      <c r="I691" s="45">
        <v>11.1</v>
      </c>
      <c r="J691" s="45">
        <v>5.4</v>
      </c>
      <c r="K691" s="45">
        <v>-14.3</v>
      </c>
      <c r="L691" s="55">
        <v>0</v>
      </c>
    </row>
    <row r="692" spans="1:25" x14ac:dyDescent="0.2">
      <c r="B692" s="72"/>
      <c r="C692" s="38" t="s">
        <v>45</v>
      </c>
      <c r="D692" s="44">
        <v>240</v>
      </c>
      <c r="E692" s="45">
        <v>2.5</v>
      </c>
      <c r="F692" s="45">
        <v>16.7</v>
      </c>
      <c r="G692" s="45">
        <v>48.8</v>
      </c>
      <c r="H692" s="45">
        <v>17.899999999999999</v>
      </c>
      <c r="I692" s="45">
        <v>11.3</v>
      </c>
      <c r="J692" s="45">
        <v>2.9</v>
      </c>
      <c r="K692" s="45">
        <v>-9.6999999999999993</v>
      </c>
      <c r="L692" s="55">
        <v>0</v>
      </c>
    </row>
    <row r="693" spans="1:25" x14ac:dyDescent="0.2">
      <c r="B693" s="72"/>
      <c r="C693" s="38" t="s">
        <v>46</v>
      </c>
      <c r="D693" s="44">
        <v>117</v>
      </c>
      <c r="E693" s="45">
        <v>0.9</v>
      </c>
      <c r="F693" s="45">
        <v>10.3</v>
      </c>
      <c r="G693" s="45">
        <v>50.4</v>
      </c>
      <c r="H693" s="45">
        <v>25.6</v>
      </c>
      <c r="I693" s="45">
        <v>7.7</v>
      </c>
      <c r="J693" s="45">
        <v>5.0999999999999996</v>
      </c>
      <c r="K693" s="45">
        <v>-15.3</v>
      </c>
      <c r="L693" s="55">
        <v>0</v>
      </c>
    </row>
    <row r="694" spans="1:25" x14ac:dyDescent="0.2">
      <c r="B694" s="72"/>
      <c r="C694" s="38" t="s">
        <v>47</v>
      </c>
      <c r="D694" s="44">
        <v>461</v>
      </c>
      <c r="E694" s="45">
        <v>2</v>
      </c>
      <c r="F694" s="45">
        <v>15.4</v>
      </c>
      <c r="G694" s="45">
        <v>46.4</v>
      </c>
      <c r="H694" s="45">
        <v>20.399999999999999</v>
      </c>
      <c r="I694" s="45">
        <v>11.5</v>
      </c>
      <c r="J694" s="45">
        <v>4.3</v>
      </c>
      <c r="K694" s="45">
        <v>-12.6</v>
      </c>
      <c r="L694" s="55">
        <v>0</v>
      </c>
    </row>
    <row r="695" spans="1:25" ht="21.6" x14ac:dyDescent="0.2">
      <c r="B695" s="72"/>
      <c r="C695" s="39" t="s">
        <v>48</v>
      </c>
      <c r="D695" s="47">
        <v>2307</v>
      </c>
      <c r="E695" s="48">
        <v>1.9</v>
      </c>
      <c r="F695" s="48">
        <v>14.5</v>
      </c>
      <c r="G695" s="48">
        <v>47.5</v>
      </c>
      <c r="H695" s="48">
        <v>20.3</v>
      </c>
      <c r="I695" s="48">
        <v>10.9</v>
      </c>
      <c r="J695" s="48">
        <v>4.9000000000000004</v>
      </c>
      <c r="K695" s="48">
        <v>-12.5</v>
      </c>
      <c r="L695" s="56">
        <v>0</v>
      </c>
    </row>
    <row r="696" spans="1:25" x14ac:dyDescent="0.2">
      <c r="B696" s="7" t="s">
        <v>49</v>
      </c>
      <c r="C696" s="4" t="s">
        <v>107</v>
      </c>
    </row>
    <row r="697" spans="1:25" x14ac:dyDescent="0.2">
      <c r="B697" s="4"/>
      <c r="C697" s="4" t="s">
        <v>51</v>
      </c>
    </row>
    <row r="699" spans="1:25" x14ac:dyDescent="0.2">
      <c r="A699" s="26" t="s">
        <v>25</v>
      </c>
      <c r="B699" t="s">
        <v>35</v>
      </c>
      <c r="C699" t="s">
        <v>35</v>
      </c>
    </row>
    <row r="700" spans="1:25" x14ac:dyDescent="0.2">
      <c r="B700" s="70" t="s">
        <v>108</v>
      </c>
      <c r="C700" s="71"/>
      <c r="D700" s="71"/>
      <c r="E700" s="71"/>
      <c r="F700" s="71"/>
      <c r="G700" s="71"/>
      <c r="H700" s="71"/>
      <c r="I700" s="71"/>
      <c r="J700" s="71"/>
      <c r="K700" s="71"/>
      <c r="L700" s="71"/>
      <c r="M700" s="71"/>
      <c r="N700" s="71"/>
      <c r="O700" s="71"/>
      <c r="P700" s="71"/>
      <c r="Q700" s="71"/>
      <c r="R700" s="71"/>
      <c r="S700" s="71"/>
      <c r="T700" s="71"/>
      <c r="U700" s="71"/>
      <c r="V700" s="71"/>
      <c r="W700" s="71"/>
      <c r="X700" s="71"/>
      <c r="Y700" s="71"/>
    </row>
    <row r="701" spans="1:25" s="32" customFormat="1" ht="36.450000000000003" customHeight="1" x14ac:dyDescent="0.15">
      <c r="A701" s="31"/>
      <c r="D701" s="33" t="s">
        <v>341</v>
      </c>
      <c r="E701" s="36" t="s">
        <v>500</v>
      </c>
      <c r="F701" s="51" t="s">
        <v>488</v>
      </c>
      <c r="G701" s="51" t="s">
        <v>501</v>
      </c>
      <c r="H701" s="37" t="s">
        <v>443</v>
      </c>
      <c r="I701" s="35" t="s">
        <v>344</v>
      </c>
    </row>
    <row r="702" spans="1:25" x14ac:dyDescent="0.2">
      <c r="B702" s="5"/>
      <c r="C702" s="40" t="s">
        <v>38</v>
      </c>
      <c r="D702" s="41">
        <v>4307</v>
      </c>
      <c r="E702" s="42">
        <v>16.600000000000001</v>
      </c>
      <c r="F702" s="42">
        <v>47.7</v>
      </c>
      <c r="G702" s="42">
        <v>30.6</v>
      </c>
      <c r="H702" s="43">
        <v>5</v>
      </c>
    </row>
    <row r="703" spans="1:25" x14ac:dyDescent="0.2">
      <c r="B703" s="72" t="s">
        <v>37</v>
      </c>
      <c r="C703" s="38" t="s">
        <v>39</v>
      </c>
      <c r="D703" s="44">
        <v>1325</v>
      </c>
      <c r="E703" s="45">
        <v>17.600000000000001</v>
      </c>
      <c r="F703" s="45">
        <v>47.9</v>
      </c>
      <c r="G703" s="45">
        <v>29.1</v>
      </c>
      <c r="H703" s="46">
        <v>5.4</v>
      </c>
    </row>
    <row r="704" spans="1:25" x14ac:dyDescent="0.2">
      <c r="B704" s="72"/>
      <c r="C704" s="38" t="s">
        <v>40</v>
      </c>
      <c r="D704" s="44">
        <v>675</v>
      </c>
      <c r="E704" s="45">
        <v>15.6</v>
      </c>
      <c r="F704" s="45">
        <v>47.7</v>
      </c>
      <c r="G704" s="45">
        <v>31.9</v>
      </c>
      <c r="H704" s="46">
        <v>4.9000000000000004</v>
      </c>
    </row>
    <row r="705" spans="1:25" x14ac:dyDescent="0.2">
      <c r="B705" s="72"/>
      <c r="C705" s="38" t="s">
        <v>41</v>
      </c>
      <c r="D705" s="44">
        <v>168</v>
      </c>
      <c r="E705" s="45">
        <v>17.3</v>
      </c>
      <c r="F705" s="45">
        <v>47.6</v>
      </c>
      <c r="G705" s="45">
        <v>29.2</v>
      </c>
      <c r="H705" s="46">
        <v>6</v>
      </c>
    </row>
    <row r="706" spans="1:25" x14ac:dyDescent="0.2">
      <c r="B706" s="72"/>
      <c r="C706" s="38" t="s">
        <v>42</v>
      </c>
      <c r="D706" s="44">
        <v>290</v>
      </c>
      <c r="E706" s="45">
        <v>16.600000000000001</v>
      </c>
      <c r="F706" s="45">
        <v>50.7</v>
      </c>
      <c r="G706" s="45">
        <v>27.9</v>
      </c>
      <c r="H706" s="46">
        <v>4.8</v>
      </c>
    </row>
    <row r="707" spans="1:25" x14ac:dyDescent="0.2">
      <c r="B707" s="72"/>
      <c r="C707" s="38" t="s">
        <v>43</v>
      </c>
      <c r="D707" s="44">
        <v>231</v>
      </c>
      <c r="E707" s="45">
        <v>14.3</v>
      </c>
      <c r="F707" s="45">
        <v>52.4</v>
      </c>
      <c r="G707" s="45">
        <v>28.1</v>
      </c>
      <c r="H707" s="46">
        <v>5.2</v>
      </c>
    </row>
    <row r="708" spans="1:25" x14ac:dyDescent="0.2">
      <c r="B708" s="72"/>
      <c r="C708" s="38" t="s">
        <v>44</v>
      </c>
      <c r="D708" s="44">
        <v>800</v>
      </c>
      <c r="E708" s="45">
        <v>16.3</v>
      </c>
      <c r="F708" s="45">
        <v>44.8</v>
      </c>
      <c r="G708" s="45">
        <v>33.6</v>
      </c>
      <c r="H708" s="46">
        <v>5.4</v>
      </c>
    </row>
    <row r="709" spans="1:25" x14ac:dyDescent="0.2">
      <c r="B709" s="72"/>
      <c r="C709" s="38" t="s">
        <v>45</v>
      </c>
      <c r="D709" s="44">
        <v>240</v>
      </c>
      <c r="E709" s="45">
        <v>19.2</v>
      </c>
      <c r="F709" s="45">
        <v>48.8</v>
      </c>
      <c r="G709" s="45">
        <v>29.2</v>
      </c>
      <c r="H709" s="46">
        <v>2.9</v>
      </c>
    </row>
    <row r="710" spans="1:25" x14ac:dyDescent="0.2">
      <c r="B710" s="72"/>
      <c r="C710" s="38" t="s">
        <v>46</v>
      </c>
      <c r="D710" s="44">
        <v>117</v>
      </c>
      <c r="E710" s="45">
        <v>11.1</v>
      </c>
      <c r="F710" s="45">
        <v>50.4</v>
      </c>
      <c r="G710" s="45">
        <v>33.299999999999997</v>
      </c>
      <c r="H710" s="46">
        <v>5.0999999999999996</v>
      </c>
    </row>
    <row r="711" spans="1:25" x14ac:dyDescent="0.2">
      <c r="B711" s="72"/>
      <c r="C711" s="38" t="s">
        <v>47</v>
      </c>
      <c r="D711" s="44">
        <v>461</v>
      </c>
      <c r="E711" s="45">
        <v>17.399999999999999</v>
      </c>
      <c r="F711" s="45">
        <v>46.4</v>
      </c>
      <c r="G711" s="45">
        <v>31.9</v>
      </c>
      <c r="H711" s="46">
        <v>4.3</v>
      </c>
    </row>
    <row r="712" spans="1:25" ht="21.6" x14ac:dyDescent="0.2">
      <c r="B712" s="72"/>
      <c r="C712" s="39" t="s">
        <v>48</v>
      </c>
      <c r="D712" s="47">
        <v>2307</v>
      </c>
      <c r="E712" s="48">
        <v>16.399999999999999</v>
      </c>
      <c r="F712" s="48">
        <v>47.5</v>
      </c>
      <c r="G712" s="48">
        <v>31.2</v>
      </c>
      <c r="H712" s="49">
        <v>4.9000000000000004</v>
      </c>
    </row>
    <row r="714" spans="1:25" x14ac:dyDescent="0.2">
      <c r="A714" s="26" t="s">
        <v>25</v>
      </c>
      <c r="B714" t="s">
        <v>35</v>
      </c>
      <c r="C714" t="s">
        <v>35</v>
      </c>
    </row>
    <row r="715" spans="1:25" x14ac:dyDescent="0.2">
      <c r="B715" s="70" t="s">
        <v>109</v>
      </c>
      <c r="C715" s="71"/>
      <c r="D715" s="71"/>
      <c r="E715" s="71"/>
      <c r="F715" s="71"/>
      <c r="G715" s="71"/>
      <c r="H715" s="71"/>
      <c r="I715" s="71"/>
      <c r="J715" s="71"/>
      <c r="K715" s="71"/>
      <c r="L715" s="71"/>
      <c r="M715" s="71"/>
      <c r="N715" s="71"/>
      <c r="O715" s="71"/>
      <c r="P715" s="71"/>
      <c r="Q715" s="71"/>
      <c r="R715" s="71"/>
      <c r="S715" s="71"/>
      <c r="T715" s="71"/>
      <c r="U715" s="71"/>
      <c r="V715" s="71"/>
      <c r="W715" s="71"/>
      <c r="X715" s="71"/>
      <c r="Y715" s="71"/>
    </row>
    <row r="716" spans="1:25" s="32" customFormat="1" ht="47.25" customHeight="1" x14ac:dyDescent="0.15">
      <c r="A716" s="31"/>
      <c r="D716" s="33" t="s">
        <v>341</v>
      </c>
      <c r="E716" s="36" t="s">
        <v>508</v>
      </c>
      <c r="F716" s="51" t="s">
        <v>509</v>
      </c>
      <c r="G716" s="51" t="s">
        <v>484</v>
      </c>
      <c r="H716" s="51" t="s">
        <v>510</v>
      </c>
      <c r="I716" s="51" t="s">
        <v>511</v>
      </c>
      <c r="J716" s="51" t="s">
        <v>443</v>
      </c>
      <c r="K716" s="52" t="s">
        <v>350</v>
      </c>
      <c r="L716" s="53" t="s">
        <v>351</v>
      </c>
      <c r="M716" s="50" t="s">
        <v>344</v>
      </c>
    </row>
    <row r="717" spans="1:25" x14ac:dyDescent="0.2">
      <c r="B717" s="5"/>
      <c r="C717" s="40" t="s">
        <v>38</v>
      </c>
      <c r="D717" s="41">
        <v>4307</v>
      </c>
      <c r="E717" s="42">
        <v>1.4</v>
      </c>
      <c r="F717" s="42">
        <v>14.3</v>
      </c>
      <c r="G717" s="42">
        <v>51.1</v>
      </c>
      <c r="H717" s="42">
        <v>16.5</v>
      </c>
      <c r="I717" s="42">
        <v>6.9</v>
      </c>
      <c r="J717" s="42">
        <v>9.8000000000000007</v>
      </c>
      <c r="K717" s="42">
        <v>-7.2</v>
      </c>
      <c r="L717" s="54">
        <v>0</v>
      </c>
    </row>
    <row r="718" spans="1:25" x14ac:dyDescent="0.2">
      <c r="B718" s="72" t="s">
        <v>37</v>
      </c>
      <c r="C718" s="38" t="s">
        <v>39</v>
      </c>
      <c r="D718" s="44">
        <v>1325</v>
      </c>
      <c r="E718" s="45">
        <v>1.8</v>
      </c>
      <c r="F718" s="45">
        <v>16.100000000000001</v>
      </c>
      <c r="G718" s="45">
        <v>50.2</v>
      </c>
      <c r="H718" s="45">
        <v>16</v>
      </c>
      <c r="I718" s="45">
        <v>6.1</v>
      </c>
      <c r="J718" s="45">
        <v>9.8000000000000007</v>
      </c>
      <c r="K718" s="45">
        <v>-4.7</v>
      </c>
      <c r="L718" s="55">
        <v>0</v>
      </c>
    </row>
    <row r="719" spans="1:25" x14ac:dyDescent="0.2">
      <c r="B719" s="72"/>
      <c r="C719" s="38" t="s">
        <v>40</v>
      </c>
      <c r="D719" s="44">
        <v>675</v>
      </c>
      <c r="E719" s="45">
        <v>1.5</v>
      </c>
      <c r="F719" s="45">
        <v>13.8</v>
      </c>
      <c r="G719" s="45">
        <v>49.8</v>
      </c>
      <c r="H719" s="45">
        <v>17.5</v>
      </c>
      <c r="I719" s="45">
        <v>7.4</v>
      </c>
      <c r="J719" s="45">
        <v>10.1</v>
      </c>
      <c r="K719" s="45">
        <v>-8.6</v>
      </c>
      <c r="L719" s="55">
        <v>0</v>
      </c>
    </row>
    <row r="720" spans="1:25" x14ac:dyDescent="0.2">
      <c r="B720" s="72"/>
      <c r="C720" s="38" t="s">
        <v>41</v>
      </c>
      <c r="D720" s="44">
        <v>168</v>
      </c>
      <c r="E720" s="45">
        <v>1.8</v>
      </c>
      <c r="F720" s="45">
        <v>12.5</v>
      </c>
      <c r="G720" s="45">
        <v>64.3</v>
      </c>
      <c r="H720" s="45">
        <v>10.7</v>
      </c>
      <c r="I720" s="45">
        <v>5.4</v>
      </c>
      <c r="J720" s="45">
        <v>5.4</v>
      </c>
      <c r="K720" s="45">
        <v>-2.8</v>
      </c>
      <c r="L720" s="55">
        <v>0</v>
      </c>
    </row>
    <row r="721" spans="1:25" x14ac:dyDescent="0.2">
      <c r="B721" s="72"/>
      <c r="C721" s="38" t="s">
        <v>42</v>
      </c>
      <c r="D721" s="44">
        <v>290</v>
      </c>
      <c r="E721" s="45">
        <v>1.4</v>
      </c>
      <c r="F721" s="45">
        <v>14.8</v>
      </c>
      <c r="G721" s="45">
        <v>48.3</v>
      </c>
      <c r="H721" s="45">
        <v>15.2</v>
      </c>
      <c r="I721" s="45">
        <v>7.9</v>
      </c>
      <c r="J721" s="45">
        <v>12.4</v>
      </c>
      <c r="K721" s="45">
        <v>-7.7</v>
      </c>
      <c r="L721" s="55">
        <v>0</v>
      </c>
    </row>
    <row r="722" spans="1:25" x14ac:dyDescent="0.2">
      <c r="B722" s="72"/>
      <c r="C722" s="38" t="s">
        <v>43</v>
      </c>
      <c r="D722" s="44">
        <v>231</v>
      </c>
      <c r="E722" s="45">
        <v>0.9</v>
      </c>
      <c r="F722" s="45">
        <v>13</v>
      </c>
      <c r="G722" s="45">
        <v>51.9</v>
      </c>
      <c r="H722" s="45">
        <v>18.2</v>
      </c>
      <c r="I722" s="45">
        <v>7.4</v>
      </c>
      <c r="J722" s="45">
        <v>8.6999999999999993</v>
      </c>
      <c r="K722" s="45">
        <v>-10</v>
      </c>
      <c r="L722" s="55">
        <v>0</v>
      </c>
    </row>
    <row r="723" spans="1:25" x14ac:dyDescent="0.2">
      <c r="B723" s="72"/>
      <c r="C723" s="38" t="s">
        <v>44</v>
      </c>
      <c r="D723" s="44">
        <v>800</v>
      </c>
      <c r="E723" s="45">
        <v>1.3</v>
      </c>
      <c r="F723" s="45">
        <v>13.1</v>
      </c>
      <c r="G723" s="45">
        <v>50.3</v>
      </c>
      <c r="H723" s="45">
        <v>18.100000000000001</v>
      </c>
      <c r="I723" s="45">
        <v>6.5</v>
      </c>
      <c r="J723" s="45">
        <v>10.8</v>
      </c>
      <c r="K723" s="45">
        <v>-8.6999999999999993</v>
      </c>
      <c r="L723" s="55">
        <v>0</v>
      </c>
    </row>
    <row r="724" spans="1:25" x14ac:dyDescent="0.2">
      <c r="B724" s="72"/>
      <c r="C724" s="38" t="s">
        <v>45</v>
      </c>
      <c r="D724" s="44">
        <v>240</v>
      </c>
      <c r="E724" s="45">
        <v>0.8</v>
      </c>
      <c r="F724" s="45">
        <v>13.3</v>
      </c>
      <c r="G724" s="45">
        <v>53.3</v>
      </c>
      <c r="H724" s="45">
        <v>15</v>
      </c>
      <c r="I724" s="45">
        <v>9.1999999999999993</v>
      </c>
      <c r="J724" s="45">
        <v>8.3000000000000007</v>
      </c>
      <c r="K724" s="45">
        <v>-10</v>
      </c>
      <c r="L724" s="55">
        <v>0</v>
      </c>
    </row>
    <row r="725" spans="1:25" x14ac:dyDescent="0.2">
      <c r="B725" s="72"/>
      <c r="C725" s="38" t="s">
        <v>46</v>
      </c>
      <c r="D725" s="44">
        <v>117</v>
      </c>
      <c r="E725" s="45">
        <v>0.9</v>
      </c>
      <c r="F725" s="45">
        <v>8.5</v>
      </c>
      <c r="G725" s="45">
        <v>56.4</v>
      </c>
      <c r="H725" s="45">
        <v>23.1</v>
      </c>
      <c r="I725" s="45">
        <v>5.0999999999999996</v>
      </c>
      <c r="J725" s="45">
        <v>6</v>
      </c>
      <c r="K725" s="45">
        <v>-12.3</v>
      </c>
      <c r="L725" s="55">
        <v>0</v>
      </c>
    </row>
    <row r="726" spans="1:25" x14ac:dyDescent="0.2">
      <c r="B726" s="72"/>
      <c r="C726" s="38" t="s">
        <v>47</v>
      </c>
      <c r="D726" s="44">
        <v>461</v>
      </c>
      <c r="E726" s="45">
        <v>1.3</v>
      </c>
      <c r="F726" s="45">
        <v>15.2</v>
      </c>
      <c r="G726" s="45">
        <v>51.4</v>
      </c>
      <c r="H726" s="45">
        <v>14.8</v>
      </c>
      <c r="I726" s="45">
        <v>7.8</v>
      </c>
      <c r="J726" s="45">
        <v>9.5</v>
      </c>
      <c r="K726" s="45">
        <v>-7</v>
      </c>
      <c r="L726" s="55">
        <v>0</v>
      </c>
    </row>
    <row r="727" spans="1:25" ht="21.6" x14ac:dyDescent="0.2">
      <c r="B727" s="72"/>
      <c r="C727" s="39" t="s">
        <v>48</v>
      </c>
      <c r="D727" s="47">
        <v>2307</v>
      </c>
      <c r="E727" s="48">
        <v>1.2</v>
      </c>
      <c r="F727" s="48">
        <v>13.5</v>
      </c>
      <c r="G727" s="48">
        <v>52.1</v>
      </c>
      <c r="H727" s="48">
        <v>16.5</v>
      </c>
      <c r="I727" s="48">
        <v>7.2</v>
      </c>
      <c r="J727" s="48">
        <v>9.6</v>
      </c>
      <c r="K727" s="48">
        <v>-8.1999999999999993</v>
      </c>
      <c r="L727" s="56">
        <v>0</v>
      </c>
    </row>
    <row r="728" spans="1:25" x14ac:dyDescent="0.2">
      <c r="B728" s="7" t="s">
        <v>49</v>
      </c>
      <c r="C728" s="4" t="s">
        <v>110</v>
      </c>
    </row>
    <row r="729" spans="1:25" x14ac:dyDescent="0.2">
      <c r="B729" s="4"/>
      <c r="C729" s="4" t="s">
        <v>51</v>
      </c>
    </row>
    <row r="731" spans="1:25" x14ac:dyDescent="0.2">
      <c r="A731" s="26" t="s">
        <v>25</v>
      </c>
      <c r="B731" t="s">
        <v>35</v>
      </c>
      <c r="C731" t="s">
        <v>35</v>
      </c>
    </row>
    <row r="732" spans="1:25" x14ac:dyDescent="0.2">
      <c r="B732" s="70" t="s">
        <v>111</v>
      </c>
      <c r="C732" s="71"/>
      <c r="D732" s="71"/>
      <c r="E732" s="71"/>
      <c r="F732" s="71"/>
      <c r="G732" s="71"/>
      <c r="H732" s="71"/>
      <c r="I732" s="71"/>
      <c r="J732" s="71"/>
      <c r="K732" s="71"/>
      <c r="L732" s="71"/>
      <c r="M732" s="71"/>
      <c r="N732" s="71"/>
      <c r="O732" s="71"/>
      <c r="P732" s="71"/>
      <c r="Q732" s="71"/>
      <c r="R732" s="71"/>
      <c r="S732" s="71"/>
      <c r="T732" s="71"/>
      <c r="U732" s="71"/>
      <c r="V732" s="71"/>
      <c r="W732" s="71"/>
      <c r="X732" s="71"/>
      <c r="Y732" s="71"/>
    </row>
    <row r="733" spans="1:25" s="32" customFormat="1" ht="36.450000000000003" customHeight="1" x14ac:dyDescent="0.15">
      <c r="A733" s="31"/>
      <c r="D733" s="33" t="s">
        <v>341</v>
      </c>
      <c r="E733" s="36" t="s">
        <v>512</v>
      </c>
      <c r="F733" s="51" t="s">
        <v>488</v>
      </c>
      <c r="G733" s="51" t="s">
        <v>513</v>
      </c>
      <c r="H733" s="37" t="s">
        <v>443</v>
      </c>
      <c r="I733" s="35" t="s">
        <v>344</v>
      </c>
    </row>
    <row r="734" spans="1:25" x14ac:dyDescent="0.2">
      <c r="B734" s="5"/>
      <c r="C734" s="40" t="s">
        <v>38</v>
      </c>
      <c r="D734" s="41">
        <v>4307</v>
      </c>
      <c r="E734" s="42">
        <v>15.8</v>
      </c>
      <c r="F734" s="42">
        <v>51.1</v>
      </c>
      <c r="G734" s="42">
        <v>23.4</v>
      </c>
      <c r="H734" s="43">
        <v>9.8000000000000007</v>
      </c>
    </row>
    <row r="735" spans="1:25" x14ac:dyDescent="0.2">
      <c r="B735" s="72" t="s">
        <v>37</v>
      </c>
      <c r="C735" s="38" t="s">
        <v>39</v>
      </c>
      <c r="D735" s="44">
        <v>1325</v>
      </c>
      <c r="E735" s="45">
        <v>17.899999999999999</v>
      </c>
      <c r="F735" s="45">
        <v>50.2</v>
      </c>
      <c r="G735" s="45">
        <v>22.1</v>
      </c>
      <c r="H735" s="46">
        <v>9.8000000000000007</v>
      </c>
    </row>
    <row r="736" spans="1:25" x14ac:dyDescent="0.2">
      <c r="B736" s="72"/>
      <c r="C736" s="38" t="s">
        <v>40</v>
      </c>
      <c r="D736" s="44">
        <v>675</v>
      </c>
      <c r="E736" s="45">
        <v>15.3</v>
      </c>
      <c r="F736" s="45">
        <v>49.8</v>
      </c>
      <c r="G736" s="45">
        <v>24.9</v>
      </c>
      <c r="H736" s="46">
        <v>10.1</v>
      </c>
    </row>
    <row r="737" spans="1:25" x14ac:dyDescent="0.2">
      <c r="B737" s="72"/>
      <c r="C737" s="38" t="s">
        <v>41</v>
      </c>
      <c r="D737" s="44">
        <v>168</v>
      </c>
      <c r="E737" s="45">
        <v>14.3</v>
      </c>
      <c r="F737" s="45">
        <v>64.3</v>
      </c>
      <c r="G737" s="45">
        <v>16.100000000000001</v>
      </c>
      <c r="H737" s="46">
        <v>5.4</v>
      </c>
    </row>
    <row r="738" spans="1:25" x14ac:dyDescent="0.2">
      <c r="B738" s="72"/>
      <c r="C738" s="38" t="s">
        <v>42</v>
      </c>
      <c r="D738" s="44">
        <v>290</v>
      </c>
      <c r="E738" s="45">
        <v>16.2</v>
      </c>
      <c r="F738" s="45">
        <v>48.3</v>
      </c>
      <c r="G738" s="45">
        <v>23.1</v>
      </c>
      <c r="H738" s="46">
        <v>12.4</v>
      </c>
    </row>
    <row r="739" spans="1:25" x14ac:dyDescent="0.2">
      <c r="B739" s="72"/>
      <c r="C739" s="38" t="s">
        <v>43</v>
      </c>
      <c r="D739" s="44">
        <v>231</v>
      </c>
      <c r="E739" s="45">
        <v>13.9</v>
      </c>
      <c r="F739" s="45">
        <v>51.9</v>
      </c>
      <c r="G739" s="45">
        <v>25.5</v>
      </c>
      <c r="H739" s="46">
        <v>8.6999999999999993</v>
      </c>
    </row>
    <row r="740" spans="1:25" x14ac:dyDescent="0.2">
      <c r="B740" s="72"/>
      <c r="C740" s="38" t="s">
        <v>44</v>
      </c>
      <c r="D740" s="44">
        <v>800</v>
      </c>
      <c r="E740" s="45">
        <v>14.4</v>
      </c>
      <c r="F740" s="45">
        <v>50.3</v>
      </c>
      <c r="G740" s="45">
        <v>24.6</v>
      </c>
      <c r="H740" s="46">
        <v>10.8</v>
      </c>
    </row>
    <row r="741" spans="1:25" x14ac:dyDescent="0.2">
      <c r="B741" s="72"/>
      <c r="C741" s="38" t="s">
        <v>45</v>
      </c>
      <c r="D741" s="44">
        <v>240</v>
      </c>
      <c r="E741" s="45">
        <v>14.2</v>
      </c>
      <c r="F741" s="45">
        <v>53.3</v>
      </c>
      <c r="G741" s="45">
        <v>24.2</v>
      </c>
      <c r="H741" s="46">
        <v>8.3000000000000007</v>
      </c>
    </row>
    <row r="742" spans="1:25" x14ac:dyDescent="0.2">
      <c r="B742" s="72"/>
      <c r="C742" s="38" t="s">
        <v>46</v>
      </c>
      <c r="D742" s="44">
        <v>117</v>
      </c>
      <c r="E742" s="45">
        <v>9.4</v>
      </c>
      <c r="F742" s="45">
        <v>56.4</v>
      </c>
      <c r="G742" s="45">
        <v>28.2</v>
      </c>
      <c r="H742" s="46">
        <v>6</v>
      </c>
    </row>
    <row r="743" spans="1:25" x14ac:dyDescent="0.2">
      <c r="B743" s="72"/>
      <c r="C743" s="38" t="s">
        <v>47</v>
      </c>
      <c r="D743" s="44">
        <v>461</v>
      </c>
      <c r="E743" s="45">
        <v>16.5</v>
      </c>
      <c r="F743" s="45">
        <v>51.4</v>
      </c>
      <c r="G743" s="45">
        <v>22.6</v>
      </c>
      <c r="H743" s="46">
        <v>9.5</v>
      </c>
    </row>
    <row r="744" spans="1:25" ht="21.6" x14ac:dyDescent="0.2">
      <c r="B744" s="72"/>
      <c r="C744" s="39" t="s">
        <v>48</v>
      </c>
      <c r="D744" s="47">
        <v>2307</v>
      </c>
      <c r="E744" s="48">
        <v>14.7</v>
      </c>
      <c r="F744" s="48">
        <v>52.1</v>
      </c>
      <c r="G744" s="48">
        <v>23.6</v>
      </c>
      <c r="H744" s="49">
        <v>9.6</v>
      </c>
    </row>
    <row r="746" spans="1:25" x14ac:dyDescent="0.2">
      <c r="A746" s="26" t="s">
        <v>25</v>
      </c>
      <c r="B746" t="s">
        <v>35</v>
      </c>
      <c r="C746" t="s">
        <v>35</v>
      </c>
    </row>
    <row r="747" spans="1:25" x14ac:dyDescent="0.2">
      <c r="B747" s="70" t="s">
        <v>112</v>
      </c>
      <c r="C747" s="71"/>
      <c r="D747" s="71"/>
      <c r="E747" s="71"/>
      <c r="F747" s="71"/>
      <c r="G747" s="71"/>
      <c r="H747" s="71"/>
      <c r="I747" s="71"/>
      <c r="J747" s="71"/>
      <c r="K747" s="71"/>
      <c r="L747" s="71"/>
      <c r="M747" s="71"/>
      <c r="N747" s="71"/>
      <c r="O747" s="71"/>
      <c r="P747" s="71"/>
      <c r="Q747" s="71"/>
      <c r="R747" s="71"/>
      <c r="S747" s="71"/>
      <c r="T747" s="71"/>
      <c r="U747" s="71"/>
      <c r="V747" s="71"/>
      <c r="W747" s="71"/>
      <c r="X747" s="71"/>
      <c r="Y747" s="71"/>
    </row>
    <row r="748" spans="1:25" s="32" customFormat="1" ht="47.25" customHeight="1" x14ac:dyDescent="0.15">
      <c r="A748" s="31"/>
      <c r="D748" s="33" t="s">
        <v>341</v>
      </c>
      <c r="E748" s="36" t="s">
        <v>496</v>
      </c>
      <c r="F748" s="51" t="s">
        <v>497</v>
      </c>
      <c r="G748" s="51" t="s">
        <v>484</v>
      </c>
      <c r="H748" s="51" t="s">
        <v>498</v>
      </c>
      <c r="I748" s="51" t="s">
        <v>499</v>
      </c>
      <c r="J748" s="51" t="s">
        <v>443</v>
      </c>
      <c r="K748" s="52" t="s">
        <v>350</v>
      </c>
      <c r="L748" s="53" t="s">
        <v>351</v>
      </c>
      <c r="M748" s="50" t="s">
        <v>344</v>
      </c>
    </row>
    <row r="749" spans="1:25" x14ac:dyDescent="0.2">
      <c r="B749" s="5"/>
      <c r="C749" s="40" t="s">
        <v>38</v>
      </c>
      <c r="D749" s="41">
        <v>4307</v>
      </c>
      <c r="E749" s="42">
        <v>2.5</v>
      </c>
      <c r="F749" s="42">
        <v>17.7</v>
      </c>
      <c r="G749" s="42">
        <v>51.6</v>
      </c>
      <c r="H749" s="42">
        <v>19</v>
      </c>
      <c r="I749" s="42">
        <v>4.7</v>
      </c>
      <c r="J749" s="42">
        <v>4.5999999999999996</v>
      </c>
      <c r="K749" s="42">
        <v>-3</v>
      </c>
      <c r="L749" s="54">
        <v>0</v>
      </c>
    </row>
    <row r="750" spans="1:25" x14ac:dyDescent="0.2">
      <c r="B750" s="72" t="s">
        <v>37</v>
      </c>
      <c r="C750" s="38" t="s">
        <v>39</v>
      </c>
      <c r="D750" s="44">
        <v>1325</v>
      </c>
      <c r="E750" s="45">
        <v>2.7</v>
      </c>
      <c r="F750" s="45">
        <v>16.2</v>
      </c>
      <c r="G750" s="45">
        <v>51</v>
      </c>
      <c r="H750" s="45">
        <v>19.2</v>
      </c>
      <c r="I750" s="45">
        <v>5.6</v>
      </c>
      <c r="J750" s="45">
        <v>5.2</v>
      </c>
      <c r="K750" s="45">
        <v>-4.5999999999999996</v>
      </c>
      <c r="L750" s="55">
        <v>0</v>
      </c>
    </row>
    <row r="751" spans="1:25" x14ac:dyDescent="0.2">
      <c r="B751" s="72"/>
      <c r="C751" s="38" t="s">
        <v>40</v>
      </c>
      <c r="D751" s="44">
        <v>675</v>
      </c>
      <c r="E751" s="45">
        <v>1.9</v>
      </c>
      <c r="F751" s="45">
        <v>19.100000000000001</v>
      </c>
      <c r="G751" s="45">
        <v>48</v>
      </c>
      <c r="H751" s="45">
        <v>20.399999999999999</v>
      </c>
      <c r="I751" s="45">
        <v>5.8</v>
      </c>
      <c r="J751" s="45">
        <v>4.7</v>
      </c>
      <c r="K751" s="45">
        <v>-4.7</v>
      </c>
      <c r="L751" s="55">
        <v>0</v>
      </c>
    </row>
    <row r="752" spans="1:25" x14ac:dyDescent="0.2">
      <c r="B752" s="72"/>
      <c r="C752" s="38" t="s">
        <v>41</v>
      </c>
      <c r="D752" s="44">
        <v>168</v>
      </c>
      <c r="E752" s="45">
        <v>1.8</v>
      </c>
      <c r="F752" s="45">
        <v>17.899999999999999</v>
      </c>
      <c r="G752" s="45">
        <v>56.5</v>
      </c>
      <c r="H752" s="45">
        <v>18.5</v>
      </c>
      <c r="I752" s="45">
        <v>3</v>
      </c>
      <c r="J752" s="45">
        <v>2.4</v>
      </c>
      <c r="K752" s="45">
        <v>-1.5</v>
      </c>
      <c r="L752" s="55">
        <v>0</v>
      </c>
    </row>
    <row r="753" spans="1:25" x14ac:dyDescent="0.2">
      <c r="B753" s="72"/>
      <c r="C753" s="38" t="s">
        <v>42</v>
      </c>
      <c r="D753" s="44">
        <v>290</v>
      </c>
      <c r="E753" s="45">
        <v>1.4</v>
      </c>
      <c r="F753" s="45">
        <v>16.2</v>
      </c>
      <c r="G753" s="45">
        <v>57.6</v>
      </c>
      <c r="H753" s="45">
        <v>17.2</v>
      </c>
      <c r="I753" s="45">
        <v>3.4</v>
      </c>
      <c r="J753" s="45">
        <v>4.0999999999999996</v>
      </c>
      <c r="K753" s="45">
        <v>-2.7</v>
      </c>
      <c r="L753" s="55">
        <v>0</v>
      </c>
    </row>
    <row r="754" spans="1:25" x14ac:dyDescent="0.2">
      <c r="B754" s="72"/>
      <c r="C754" s="38" t="s">
        <v>43</v>
      </c>
      <c r="D754" s="44">
        <v>231</v>
      </c>
      <c r="E754" s="45">
        <v>3.9</v>
      </c>
      <c r="F754" s="45">
        <v>20.3</v>
      </c>
      <c r="G754" s="45">
        <v>51.9</v>
      </c>
      <c r="H754" s="45">
        <v>16.5</v>
      </c>
      <c r="I754" s="45">
        <v>3.9</v>
      </c>
      <c r="J754" s="45">
        <v>3.5</v>
      </c>
      <c r="K754" s="45">
        <v>2</v>
      </c>
      <c r="L754" s="55">
        <v>0</v>
      </c>
    </row>
    <row r="755" spans="1:25" x14ac:dyDescent="0.2">
      <c r="B755" s="72"/>
      <c r="C755" s="38" t="s">
        <v>44</v>
      </c>
      <c r="D755" s="44">
        <v>800</v>
      </c>
      <c r="E755" s="45">
        <v>2</v>
      </c>
      <c r="F755" s="45">
        <v>16</v>
      </c>
      <c r="G755" s="45">
        <v>54.3</v>
      </c>
      <c r="H755" s="45">
        <v>19.100000000000001</v>
      </c>
      <c r="I755" s="45">
        <v>3.4</v>
      </c>
      <c r="J755" s="45">
        <v>5.3</v>
      </c>
      <c r="K755" s="45">
        <v>-3.1</v>
      </c>
      <c r="L755" s="55">
        <v>0</v>
      </c>
    </row>
    <row r="756" spans="1:25" x14ac:dyDescent="0.2">
      <c r="B756" s="72"/>
      <c r="C756" s="38" t="s">
        <v>45</v>
      </c>
      <c r="D756" s="44">
        <v>240</v>
      </c>
      <c r="E756" s="45">
        <v>2.1</v>
      </c>
      <c r="F756" s="45">
        <v>20.399999999999999</v>
      </c>
      <c r="G756" s="45">
        <v>52.5</v>
      </c>
      <c r="H756" s="45">
        <v>19.2</v>
      </c>
      <c r="I756" s="45">
        <v>2.9</v>
      </c>
      <c r="J756" s="45">
        <v>2.9</v>
      </c>
      <c r="K756" s="45">
        <v>-0.2</v>
      </c>
      <c r="L756" s="55">
        <v>0</v>
      </c>
    </row>
    <row r="757" spans="1:25" x14ac:dyDescent="0.2">
      <c r="B757" s="72"/>
      <c r="C757" s="38" t="s">
        <v>46</v>
      </c>
      <c r="D757" s="44">
        <v>117</v>
      </c>
      <c r="E757" s="45">
        <v>1.7</v>
      </c>
      <c r="F757" s="45">
        <v>17.899999999999999</v>
      </c>
      <c r="G757" s="45">
        <v>48.7</v>
      </c>
      <c r="H757" s="45">
        <v>24.8</v>
      </c>
      <c r="I757" s="45">
        <v>4.3</v>
      </c>
      <c r="J757" s="45">
        <v>2.6</v>
      </c>
      <c r="K757" s="45">
        <v>-6.1</v>
      </c>
      <c r="L757" s="55">
        <v>0</v>
      </c>
    </row>
    <row r="758" spans="1:25" x14ac:dyDescent="0.2">
      <c r="B758" s="72"/>
      <c r="C758" s="38" t="s">
        <v>47</v>
      </c>
      <c r="D758" s="44">
        <v>461</v>
      </c>
      <c r="E758" s="45">
        <v>4.3</v>
      </c>
      <c r="F758" s="45">
        <v>20.6</v>
      </c>
      <c r="G758" s="45">
        <v>48.4</v>
      </c>
      <c r="H758" s="45">
        <v>17.100000000000001</v>
      </c>
      <c r="I758" s="45">
        <v>5.4</v>
      </c>
      <c r="J758" s="45">
        <v>4.0999999999999996</v>
      </c>
      <c r="K758" s="45">
        <v>0.7</v>
      </c>
      <c r="L758" s="55">
        <v>0</v>
      </c>
    </row>
    <row r="759" spans="1:25" ht="21.6" x14ac:dyDescent="0.2">
      <c r="B759" s="72"/>
      <c r="C759" s="39" t="s">
        <v>48</v>
      </c>
      <c r="D759" s="47">
        <v>2307</v>
      </c>
      <c r="E759" s="48">
        <v>2.6</v>
      </c>
      <c r="F759" s="48">
        <v>18.100000000000001</v>
      </c>
      <c r="G759" s="48">
        <v>53</v>
      </c>
      <c r="H759" s="48">
        <v>18.5</v>
      </c>
      <c r="I759" s="48">
        <v>3.8</v>
      </c>
      <c r="J759" s="48">
        <v>4.0999999999999996</v>
      </c>
      <c r="K759" s="48">
        <v>-1.5</v>
      </c>
      <c r="L759" s="56">
        <v>0</v>
      </c>
    </row>
    <row r="760" spans="1:25" x14ac:dyDescent="0.2">
      <c r="B760" s="7" t="s">
        <v>49</v>
      </c>
      <c r="C760" s="4" t="s">
        <v>113</v>
      </c>
    </row>
    <row r="761" spans="1:25" x14ac:dyDescent="0.2">
      <c r="B761" s="4"/>
      <c r="C761" s="4" t="s">
        <v>51</v>
      </c>
    </row>
    <row r="763" spans="1:25" x14ac:dyDescent="0.2">
      <c r="A763" s="26" t="s">
        <v>25</v>
      </c>
      <c r="B763" t="s">
        <v>35</v>
      </c>
      <c r="C763" t="s">
        <v>35</v>
      </c>
    </row>
    <row r="764" spans="1:25" x14ac:dyDescent="0.2">
      <c r="B764" s="70" t="s">
        <v>114</v>
      </c>
      <c r="C764" s="71"/>
      <c r="D764" s="71"/>
      <c r="E764" s="71"/>
      <c r="F764" s="71"/>
      <c r="G764" s="71"/>
      <c r="H764" s="71"/>
      <c r="I764" s="71"/>
      <c r="J764" s="71"/>
      <c r="K764" s="71"/>
      <c r="L764" s="71"/>
      <c r="M764" s="71"/>
      <c r="N764" s="71"/>
      <c r="O764" s="71"/>
      <c r="P764" s="71"/>
      <c r="Q764" s="71"/>
      <c r="R764" s="71"/>
      <c r="S764" s="71"/>
      <c r="T764" s="71"/>
      <c r="U764" s="71"/>
      <c r="V764" s="71"/>
      <c r="W764" s="71"/>
      <c r="X764" s="71"/>
      <c r="Y764" s="71"/>
    </row>
    <row r="765" spans="1:25" s="32" customFormat="1" ht="36.450000000000003" customHeight="1" x14ac:dyDescent="0.15">
      <c r="A765" s="31"/>
      <c r="D765" s="33" t="s">
        <v>341</v>
      </c>
      <c r="E765" s="36" t="s">
        <v>500</v>
      </c>
      <c r="F765" s="51" t="s">
        <v>488</v>
      </c>
      <c r="G765" s="51" t="s">
        <v>501</v>
      </c>
      <c r="H765" s="37" t="s">
        <v>443</v>
      </c>
      <c r="I765" s="35" t="s">
        <v>344</v>
      </c>
    </row>
    <row r="766" spans="1:25" x14ac:dyDescent="0.2">
      <c r="B766" s="5"/>
      <c r="C766" s="40" t="s">
        <v>38</v>
      </c>
      <c r="D766" s="41">
        <v>4307</v>
      </c>
      <c r="E766" s="42">
        <v>20.2</v>
      </c>
      <c r="F766" s="42">
        <v>51.6</v>
      </c>
      <c r="G766" s="42">
        <v>23.7</v>
      </c>
      <c r="H766" s="43">
        <v>4.5999999999999996</v>
      </c>
    </row>
    <row r="767" spans="1:25" x14ac:dyDescent="0.2">
      <c r="B767" s="72" t="s">
        <v>37</v>
      </c>
      <c r="C767" s="38" t="s">
        <v>39</v>
      </c>
      <c r="D767" s="44">
        <v>1325</v>
      </c>
      <c r="E767" s="45">
        <v>18.899999999999999</v>
      </c>
      <c r="F767" s="45">
        <v>51</v>
      </c>
      <c r="G767" s="45">
        <v>24.8</v>
      </c>
      <c r="H767" s="46">
        <v>5.2</v>
      </c>
    </row>
    <row r="768" spans="1:25" x14ac:dyDescent="0.2">
      <c r="B768" s="72"/>
      <c r="C768" s="38" t="s">
        <v>40</v>
      </c>
      <c r="D768" s="44">
        <v>675</v>
      </c>
      <c r="E768" s="45">
        <v>21</v>
      </c>
      <c r="F768" s="45">
        <v>48</v>
      </c>
      <c r="G768" s="45">
        <v>26.2</v>
      </c>
      <c r="H768" s="46">
        <v>4.7</v>
      </c>
    </row>
    <row r="769" spans="1:25" x14ac:dyDescent="0.2">
      <c r="B769" s="72"/>
      <c r="C769" s="38" t="s">
        <v>41</v>
      </c>
      <c r="D769" s="44">
        <v>168</v>
      </c>
      <c r="E769" s="45">
        <v>19.600000000000001</v>
      </c>
      <c r="F769" s="45">
        <v>56.5</v>
      </c>
      <c r="G769" s="45">
        <v>21.4</v>
      </c>
      <c r="H769" s="46">
        <v>2.4</v>
      </c>
    </row>
    <row r="770" spans="1:25" x14ac:dyDescent="0.2">
      <c r="B770" s="72"/>
      <c r="C770" s="38" t="s">
        <v>42</v>
      </c>
      <c r="D770" s="44">
        <v>290</v>
      </c>
      <c r="E770" s="45">
        <v>17.600000000000001</v>
      </c>
      <c r="F770" s="45">
        <v>57.6</v>
      </c>
      <c r="G770" s="45">
        <v>20.7</v>
      </c>
      <c r="H770" s="46">
        <v>4.0999999999999996</v>
      </c>
    </row>
    <row r="771" spans="1:25" x14ac:dyDescent="0.2">
      <c r="B771" s="72"/>
      <c r="C771" s="38" t="s">
        <v>43</v>
      </c>
      <c r="D771" s="44">
        <v>231</v>
      </c>
      <c r="E771" s="45">
        <v>24.2</v>
      </c>
      <c r="F771" s="45">
        <v>51.9</v>
      </c>
      <c r="G771" s="45">
        <v>20.3</v>
      </c>
      <c r="H771" s="46">
        <v>3.5</v>
      </c>
    </row>
    <row r="772" spans="1:25" x14ac:dyDescent="0.2">
      <c r="B772" s="72"/>
      <c r="C772" s="38" t="s">
        <v>44</v>
      </c>
      <c r="D772" s="44">
        <v>800</v>
      </c>
      <c r="E772" s="45">
        <v>18</v>
      </c>
      <c r="F772" s="45">
        <v>54.3</v>
      </c>
      <c r="G772" s="45">
        <v>22.5</v>
      </c>
      <c r="H772" s="46">
        <v>5.3</v>
      </c>
    </row>
    <row r="773" spans="1:25" x14ac:dyDescent="0.2">
      <c r="B773" s="72"/>
      <c r="C773" s="38" t="s">
        <v>45</v>
      </c>
      <c r="D773" s="44">
        <v>240</v>
      </c>
      <c r="E773" s="45">
        <v>22.5</v>
      </c>
      <c r="F773" s="45">
        <v>52.5</v>
      </c>
      <c r="G773" s="45">
        <v>22.1</v>
      </c>
      <c r="H773" s="46">
        <v>2.9</v>
      </c>
    </row>
    <row r="774" spans="1:25" x14ac:dyDescent="0.2">
      <c r="B774" s="72"/>
      <c r="C774" s="38" t="s">
        <v>46</v>
      </c>
      <c r="D774" s="44">
        <v>117</v>
      </c>
      <c r="E774" s="45">
        <v>19.7</v>
      </c>
      <c r="F774" s="45">
        <v>48.7</v>
      </c>
      <c r="G774" s="45">
        <v>29.1</v>
      </c>
      <c r="H774" s="46">
        <v>2.6</v>
      </c>
    </row>
    <row r="775" spans="1:25" x14ac:dyDescent="0.2">
      <c r="B775" s="72"/>
      <c r="C775" s="38" t="s">
        <v>47</v>
      </c>
      <c r="D775" s="44">
        <v>461</v>
      </c>
      <c r="E775" s="45">
        <v>24.9</v>
      </c>
      <c r="F775" s="45">
        <v>48.4</v>
      </c>
      <c r="G775" s="45">
        <v>22.6</v>
      </c>
      <c r="H775" s="46">
        <v>4.0999999999999996</v>
      </c>
    </row>
    <row r="776" spans="1:25" ht="21.6" x14ac:dyDescent="0.2">
      <c r="B776" s="72"/>
      <c r="C776" s="39" t="s">
        <v>48</v>
      </c>
      <c r="D776" s="47">
        <v>2307</v>
      </c>
      <c r="E776" s="48">
        <v>20.6</v>
      </c>
      <c r="F776" s="48">
        <v>53</v>
      </c>
      <c r="G776" s="48">
        <v>22.3</v>
      </c>
      <c r="H776" s="49">
        <v>4.0999999999999996</v>
      </c>
    </row>
    <row r="778" spans="1:25" x14ac:dyDescent="0.2">
      <c r="A778" s="26" t="s">
        <v>25</v>
      </c>
      <c r="B778" t="s">
        <v>35</v>
      </c>
      <c r="C778" t="s">
        <v>35</v>
      </c>
    </row>
    <row r="779" spans="1:25" x14ac:dyDescent="0.2">
      <c r="B779" s="70" t="s">
        <v>115</v>
      </c>
      <c r="C779" s="71"/>
      <c r="D779" s="71"/>
      <c r="E779" s="71"/>
      <c r="F779" s="71"/>
      <c r="G779" s="71"/>
      <c r="H779" s="71"/>
      <c r="I779" s="71"/>
      <c r="J779" s="71"/>
      <c r="K779" s="71"/>
      <c r="L779" s="71"/>
      <c r="M779" s="71"/>
      <c r="N779" s="71"/>
      <c r="O779" s="71"/>
      <c r="P779" s="71"/>
      <c r="Q779" s="71"/>
      <c r="R779" s="71"/>
      <c r="S779" s="71"/>
      <c r="T779" s="71"/>
      <c r="U779" s="71"/>
      <c r="V779" s="71"/>
      <c r="W779" s="71"/>
      <c r="X779" s="71"/>
      <c r="Y779" s="71"/>
    </row>
    <row r="780" spans="1:25" s="32" customFormat="1" ht="47.25" customHeight="1" x14ac:dyDescent="0.15">
      <c r="A780" s="31"/>
      <c r="D780" s="33" t="s">
        <v>341</v>
      </c>
      <c r="E780" s="36" t="s">
        <v>508</v>
      </c>
      <c r="F780" s="51" t="s">
        <v>509</v>
      </c>
      <c r="G780" s="51" t="s">
        <v>484</v>
      </c>
      <c r="H780" s="51" t="s">
        <v>510</v>
      </c>
      <c r="I780" s="51" t="s">
        <v>511</v>
      </c>
      <c r="J780" s="51" t="s">
        <v>443</v>
      </c>
      <c r="K780" s="52" t="s">
        <v>350</v>
      </c>
      <c r="L780" s="53" t="s">
        <v>351</v>
      </c>
      <c r="M780" s="50" t="s">
        <v>344</v>
      </c>
    </row>
    <row r="781" spans="1:25" x14ac:dyDescent="0.2">
      <c r="B781" s="5"/>
      <c r="C781" s="40" t="s">
        <v>38</v>
      </c>
      <c r="D781" s="41">
        <v>4307</v>
      </c>
      <c r="E781" s="42">
        <v>2.6</v>
      </c>
      <c r="F781" s="42">
        <v>19.399999999999999</v>
      </c>
      <c r="G781" s="42">
        <v>55.8</v>
      </c>
      <c r="H781" s="42">
        <v>10.9</v>
      </c>
      <c r="I781" s="42">
        <v>3.5</v>
      </c>
      <c r="J781" s="42">
        <v>7.8</v>
      </c>
      <c r="K781" s="42">
        <v>3.7</v>
      </c>
      <c r="L781" s="54">
        <v>0</v>
      </c>
    </row>
    <row r="782" spans="1:25" x14ac:dyDescent="0.2">
      <c r="B782" s="72" t="s">
        <v>37</v>
      </c>
      <c r="C782" s="38" t="s">
        <v>39</v>
      </c>
      <c r="D782" s="44">
        <v>1325</v>
      </c>
      <c r="E782" s="45">
        <v>2.4</v>
      </c>
      <c r="F782" s="45">
        <v>20.100000000000001</v>
      </c>
      <c r="G782" s="45">
        <v>54.4</v>
      </c>
      <c r="H782" s="45">
        <v>10.5</v>
      </c>
      <c r="I782" s="45">
        <v>4.2</v>
      </c>
      <c r="J782" s="45">
        <v>8.5</v>
      </c>
      <c r="K782" s="45">
        <v>3.3</v>
      </c>
      <c r="L782" s="55">
        <v>0</v>
      </c>
    </row>
    <row r="783" spans="1:25" x14ac:dyDescent="0.2">
      <c r="B783" s="72"/>
      <c r="C783" s="38" t="s">
        <v>40</v>
      </c>
      <c r="D783" s="44">
        <v>675</v>
      </c>
      <c r="E783" s="45">
        <v>3.3</v>
      </c>
      <c r="F783" s="45">
        <v>20.399999999999999</v>
      </c>
      <c r="G783" s="45">
        <v>55.6</v>
      </c>
      <c r="H783" s="45">
        <v>10.199999999999999</v>
      </c>
      <c r="I783" s="45">
        <v>3.1</v>
      </c>
      <c r="J783" s="45">
        <v>7.4</v>
      </c>
      <c r="K783" s="45">
        <v>5.7</v>
      </c>
      <c r="L783" s="55">
        <v>0</v>
      </c>
    </row>
    <row r="784" spans="1:25" x14ac:dyDescent="0.2">
      <c r="B784" s="72"/>
      <c r="C784" s="38" t="s">
        <v>41</v>
      </c>
      <c r="D784" s="44">
        <v>168</v>
      </c>
      <c r="E784" s="45">
        <v>1.2</v>
      </c>
      <c r="F784" s="45">
        <v>18.5</v>
      </c>
      <c r="G784" s="45">
        <v>65.5</v>
      </c>
      <c r="H784" s="45">
        <v>7.7</v>
      </c>
      <c r="I784" s="45">
        <v>2.4</v>
      </c>
      <c r="J784" s="45">
        <v>4.8</v>
      </c>
      <c r="K784" s="45">
        <v>4.4000000000000004</v>
      </c>
      <c r="L784" s="55">
        <v>0</v>
      </c>
    </row>
    <row r="785" spans="1:25" x14ac:dyDescent="0.2">
      <c r="B785" s="72"/>
      <c r="C785" s="38" t="s">
        <v>42</v>
      </c>
      <c r="D785" s="44">
        <v>290</v>
      </c>
      <c r="E785" s="45">
        <v>2.4</v>
      </c>
      <c r="F785" s="45">
        <v>17.600000000000001</v>
      </c>
      <c r="G785" s="45">
        <v>57.6</v>
      </c>
      <c r="H785" s="45">
        <v>10.3</v>
      </c>
      <c r="I785" s="45">
        <v>2.8</v>
      </c>
      <c r="J785" s="45">
        <v>9.3000000000000007</v>
      </c>
      <c r="K785" s="45">
        <v>3.6</v>
      </c>
      <c r="L785" s="55">
        <v>0</v>
      </c>
    </row>
    <row r="786" spans="1:25" x14ac:dyDescent="0.2">
      <c r="B786" s="72"/>
      <c r="C786" s="38" t="s">
        <v>43</v>
      </c>
      <c r="D786" s="44">
        <v>231</v>
      </c>
      <c r="E786" s="45">
        <v>3</v>
      </c>
      <c r="F786" s="45">
        <v>19</v>
      </c>
      <c r="G786" s="45">
        <v>59.3</v>
      </c>
      <c r="H786" s="45">
        <v>10</v>
      </c>
      <c r="I786" s="45">
        <v>3.5</v>
      </c>
      <c r="J786" s="45">
        <v>5.2</v>
      </c>
      <c r="K786" s="45">
        <v>4.3</v>
      </c>
      <c r="L786" s="55">
        <v>0</v>
      </c>
    </row>
    <row r="787" spans="1:25" x14ac:dyDescent="0.2">
      <c r="B787" s="72"/>
      <c r="C787" s="38" t="s">
        <v>44</v>
      </c>
      <c r="D787" s="44">
        <v>800</v>
      </c>
      <c r="E787" s="45">
        <v>1.5</v>
      </c>
      <c r="F787" s="45">
        <v>17.899999999999999</v>
      </c>
      <c r="G787" s="45">
        <v>57.3</v>
      </c>
      <c r="H787" s="45">
        <v>12.1</v>
      </c>
      <c r="I787" s="45">
        <v>2.9</v>
      </c>
      <c r="J787" s="45">
        <v>8.4</v>
      </c>
      <c r="K787" s="45">
        <v>1.6</v>
      </c>
      <c r="L787" s="55">
        <v>0</v>
      </c>
    </row>
    <row r="788" spans="1:25" x14ac:dyDescent="0.2">
      <c r="B788" s="72"/>
      <c r="C788" s="38" t="s">
        <v>45</v>
      </c>
      <c r="D788" s="44">
        <v>240</v>
      </c>
      <c r="E788" s="45">
        <v>3.3</v>
      </c>
      <c r="F788" s="45">
        <v>19.2</v>
      </c>
      <c r="G788" s="45">
        <v>54.2</v>
      </c>
      <c r="H788" s="45">
        <v>13.8</v>
      </c>
      <c r="I788" s="45">
        <v>3.3</v>
      </c>
      <c r="J788" s="45">
        <v>6.3</v>
      </c>
      <c r="K788" s="45">
        <v>2.9</v>
      </c>
      <c r="L788" s="55">
        <v>0</v>
      </c>
    </row>
    <row r="789" spans="1:25" x14ac:dyDescent="0.2">
      <c r="B789" s="72"/>
      <c r="C789" s="38" t="s">
        <v>46</v>
      </c>
      <c r="D789" s="44">
        <v>117</v>
      </c>
      <c r="E789" s="45">
        <v>3.4</v>
      </c>
      <c r="F789" s="45">
        <v>15.4</v>
      </c>
      <c r="G789" s="45">
        <v>56.4</v>
      </c>
      <c r="H789" s="45">
        <v>17.100000000000001</v>
      </c>
      <c r="I789" s="45">
        <v>3.4</v>
      </c>
      <c r="J789" s="45">
        <v>4.3</v>
      </c>
      <c r="K789" s="45">
        <v>-0.9</v>
      </c>
      <c r="L789" s="55">
        <v>0</v>
      </c>
    </row>
    <row r="790" spans="1:25" x14ac:dyDescent="0.2">
      <c r="B790" s="72"/>
      <c r="C790" s="38" t="s">
        <v>47</v>
      </c>
      <c r="D790" s="44">
        <v>461</v>
      </c>
      <c r="E790" s="45">
        <v>4.0999999999999996</v>
      </c>
      <c r="F790" s="45">
        <v>21</v>
      </c>
      <c r="G790" s="45">
        <v>52.3</v>
      </c>
      <c r="H790" s="45">
        <v>10</v>
      </c>
      <c r="I790" s="45">
        <v>4.0999999999999996</v>
      </c>
      <c r="J790" s="45">
        <v>8.5</v>
      </c>
      <c r="K790" s="45">
        <v>6</v>
      </c>
      <c r="L790" s="55">
        <v>0</v>
      </c>
    </row>
    <row r="791" spans="1:25" ht="21.6" x14ac:dyDescent="0.2">
      <c r="B791" s="72"/>
      <c r="C791" s="39" t="s">
        <v>48</v>
      </c>
      <c r="D791" s="47">
        <v>2307</v>
      </c>
      <c r="E791" s="48">
        <v>2.6</v>
      </c>
      <c r="F791" s="48">
        <v>18.600000000000001</v>
      </c>
      <c r="G791" s="48">
        <v>56.7</v>
      </c>
      <c r="H791" s="48">
        <v>11.4</v>
      </c>
      <c r="I791" s="48">
        <v>3.2</v>
      </c>
      <c r="J791" s="48">
        <v>7.5</v>
      </c>
      <c r="K791" s="48">
        <v>3.2</v>
      </c>
      <c r="L791" s="56">
        <v>0</v>
      </c>
    </row>
    <row r="792" spans="1:25" x14ac:dyDescent="0.2">
      <c r="B792" s="7" t="s">
        <v>49</v>
      </c>
      <c r="C792" s="4" t="s">
        <v>116</v>
      </c>
    </row>
    <row r="793" spans="1:25" x14ac:dyDescent="0.2">
      <c r="B793" s="4"/>
      <c r="C793" s="4" t="s">
        <v>51</v>
      </c>
    </row>
    <row r="795" spans="1:25" x14ac:dyDescent="0.2">
      <c r="A795" s="26" t="s">
        <v>25</v>
      </c>
      <c r="B795" t="s">
        <v>35</v>
      </c>
      <c r="C795" t="s">
        <v>35</v>
      </c>
    </row>
    <row r="796" spans="1:25" x14ac:dyDescent="0.2">
      <c r="B796" s="70" t="s">
        <v>117</v>
      </c>
      <c r="C796" s="71"/>
      <c r="D796" s="71"/>
      <c r="E796" s="71"/>
      <c r="F796" s="71"/>
      <c r="G796" s="71"/>
      <c r="H796" s="71"/>
      <c r="I796" s="71"/>
      <c r="J796" s="71"/>
      <c r="K796" s="71"/>
      <c r="L796" s="71"/>
      <c r="M796" s="71"/>
      <c r="N796" s="71"/>
      <c r="O796" s="71"/>
      <c r="P796" s="71"/>
      <c r="Q796" s="71"/>
      <c r="R796" s="71"/>
      <c r="S796" s="71"/>
      <c r="T796" s="71"/>
      <c r="U796" s="71"/>
      <c r="V796" s="71"/>
      <c r="W796" s="71"/>
      <c r="X796" s="71"/>
      <c r="Y796" s="71"/>
    </row>
    <row r="797" spans="1:25" s="32" customFormat="1" ht="36.450000000000003" customHeight="1" x14ac:dyDescent="0.15">
      <c r="A797" s="31"/>
      <c r="D797" s="33" t="s">
        <v>341</v>
      </c>
      <c r="E797" s="36" t="s">
        <v>512</v>
      </c>
      <c r="F797" s="51" t="s">
        <v>488</v>
      </c>
      <c r="G797" s="51" t="s">
        <v>513</v>
      </c>
      <c r="H797" s="37" t="s">
        <v>443</v>
      </c>
      <c r="I797" s="35" t="s">
        <v>344</v>
      </c>
    </row>
    <row r="798" spans="1:25" x14ac:dyDescent="0.2">
      <c r="B798" s="5"/>
      <c r="C798" s="40" t="s">
        <v>38</v>
      </c>
      <c r="D798" s="41">
        <v>4307</v>
      </c>
      <c r="E798" s="42">
        <v>22</v>
      </c>
      <c r="F798" s="42">
        <v>55.8</v>
      </c>
      <c r="G798" s="42">
        <v>14.4</v>
      </c>
      <c r="H798" s="43">
        <v>7.8</v>
      </c>
    </row>
    <row r="799" spans="1:25" x14ac:dyDescent="0.2">
      <c r="B799" s="72" t="s">
        <v>37</v>
      </c>
      <c r="C799" s="38" t="s">
        <v>39</v>
      </c>
      <c r="D799" s="44">
        <v>1325</v>
      </c>
      <c r="E799" s="45">
        <v>22.5</v>
      </c>
      <c r="F799" s="45">
        <v>54.4</v>
      </c>
      <c r="G799" s="45">
        <v>14.6</v>
      </c>
      <c r="H799" s="46">
        <v>8.5</v>
      </c>
    </row>
    <row r="800" spans="1:25" x14ac:dyDescent="0.2">
      <c r="B800" s="72"/>
      <c r="C800" s="38" t="s">
        <v>40</v>
      </c>
      <c r="D800" s="44">
        <v>675</v>
      </c>
      <c r="E800" s="45">
        <v>23.7</v>
      </c>
      <c r="F800" s="45">
        <v>55.6</v>
      </c>
      <c r="G800" s="45">
        <v>13.3</v>
      </c>
      <c r="H800" s="46">
        <v>7.4</v>
      </c>
    </row>
    <row r="801" spans="1:25" x14ac:dyDescent="0.2">
      <c r="B801" s="72"/>
      <c r="C801" s="38" t="s">
        <v>41</v>
      </c>
      <c r="D801" s="44">
        <v>168</v>
      </c>
      <c r="E801" s="45">
        <v>19.600000000000001</v>
      </c>
      <c r="F801" s="45">
        <v>65.5</v>
      </c>
      <c r="G801" s="45">
        <v>10.1</v>
      </c>
      <c r="H801" s="46">
        <v>4.8</v>
      </c>
    </row>
    <row r="802" spans="1:25" x14ac:dyDescent="0.2">
      <c r="B802" s="72"/>
      <c r="C802" s="38" t="s">
        <v>42</v>
      </c>
      <c r="D802" s="44">
        <v>290</v>
      </c>
      <c r="E802" s="45">
        <v>20</v>
      </c>
      <c r="F802" s="45">
        <v>57.6</v>
      </c>
      <c r="G802" s="45">
        <v>13.1</v>
      </c>
      <c r="H802" s="46">
        <v>9.3000000000000007</v>
      </c>
    </row>
    <row r="803" spans="1:25" x14ac:dyDescent="0.2">
      <c r="B803" s="72"/>
      <c r="C803" s="38" t="s">
        <v>43</v>
      </c>
      <c r="D803" s="44">
        <v>231</v>
      </c>
      <c r="E803" s="45">
        <v>22.1</v>
      </c>
      <c r="F803" s="45">
        <v>59.3</v>
      </c>
      <c r="G803" s="45">
        <v>13.4</v>
      </c>
      <c r="H803" s="46">
        <v>5.2</v>
      </c>
    </row>
    <row r="804" spans="1:25" x14ac:dyDescent="0.2">
      <c r="B804" s="72"/>
      <c r="C804" s="38" t="s">
        <v>44</v>
      </c>
      <c r="D804" s="44">
        <v>800</v>
      </c>
      <c r="E804" s="45">
        <v>19.399999999999999</v>
      </c>
      <c r="F804" s="45">
        <v>57.3</v>
      </c>
      <c r="G804" s="45">
        <v>15</v>
      </c>
      <c r="H804" s="46">
        <v>8.4</v>
      </c>
    </row>
    <row r="805" spans="1:25" x14ac:dyDescent="0.2">
      <c r="B805" s="72"/>
      <c r="C805" s="38" t="s">
        <v>45</v>
      </c>
      <c r="D805" s="44">
        <v>240</v>
      </c>
      <c r="E805" s="45">
        <v>22.5</v>
      </c>
      <c r="F805" s="45">
        <v>54.2</v>
      </c>
      <c r="G805" s="45">
        <v>17.100000000000001</v>
      </c>
      <c r="H805" s="46">
        <v>6.3</v>
      </c>
    </row>
    <row r="806" spans="1:25" x14ac:dyDescent="0.2">
      <c r="B806" s="72"/>
      <c r="C806" s="38" t="s">
        <v>46</v>
      </c>
      <c r="D806" s="44">
        <v>117</v>
      </c>
      <c r="E806" s="45">
        <v>18.8</v>
      </c>
      <c r="F806" s="45">
        <v>56.4</v>
      </c>
      <c r="G806" s="45">
        <v>20.5</v>
      </c>
      <c r="H806" s="46">
        <v>4.3</v>
      </c>
    </row>
    <row r="807" spans="1:25" x14ac:dyDescent="0.2">
      <c r="B807" s="72"/>
      <c r="C807" s="38" t="s">
        <v>47</v>
      </c>
      <c r="D807" s="44">
        <v>461</v>
      </c>
      <c r="E807" s="45">
        <v>25.2</v>
      </c>
      <c r="F807" s="45">
        <v>52.3</v>
      </c>
      <c r="G807" s="45">
        <v>14.1</v>
      </c>
      <c r="H807" s="46">
        <v>8.5</v>
      </c>
    </row>
    <row r="808" spans="1:25" ht="21.6" x14ac:dyDescent="0.2">
      <c r="B808" s="72"/>
      <c r="C808" s="39" t="s">
        <v>48</v>
      </c>
      <c r="D808" s="47">
        <v>2307</v>
      </c>
      <c r="E808" s="48">
        <v>21.2</v>
      </c>
      <c r="F808" s="48">
        <v>56.7</v>
      </c>
      <c r="G808" s="48">
        <v>14.6</v>
      </c>
      <c r="H808" s="49">
        <v>7.5</v>
      </c>
    </row>
    <row r="810" spans="1:25" x14ac:dyDescent="0.2">
      <c r="A810" s="26" t="s">
        <v>25</v>
      </c>
      <c r="B810" t="s">
        <v>35</v>
      </c>
      <c r="C810" t="s">
        <v>35</v>
      </c>
    </row>
    <row r="811" spans="1:25" x14ac:dyDescent="0.2">
      <c r="B811" s="70" t="s">
        <v>118</v>
      </c>
      <c r="C811" s="71"/>
      <c r="D811" s="71"/>
      <c r="E811" s="71"/>
      <c r="F811" s="71"/>
      <c r="G811" s="71"/>
      <c r="H811" s="71"/>
      <c r="I811" s="71"/>
      <c r="J811" s="71"/>
      <c r="K811" s="71"/>
      <c r="L811" s="71"/>
      <c r="M811" s="71"/>
      <c r="N811" s="71"/>
      <c r="O811" s="71"/>
      <c r="P811" s="71"/>
      <c r="Q811" s="71"/>
      <c r="R811" s="71"/>
      <c r="S811" s="71"/>
      <c r="T811" s="71"/>
      <c r="U811" s="71"/>
      <c r="V811" s="71"/>
      <c r="W811" s="71"/>
      <c r="X811" s="71"/>
      <c r="Y811" s="71"/>
    </row>
    <row r="812" spans="1:25" s="32" customFormat="1" ht="47.25" customHeight="1" x14ac:dyDescent="0.15">
      <c r="A812" s="31"/>
      <c r="D812" s="33" t="s">
        <v>341</v>
      </c>
      <c r="E812" s="36" t="s">
        <v>514</v>
      </c>
      <c r="F812" s="51" t="s">
        <v>515</v>
      </c>
      <c r="G812" s="51" t="s">
        <v>484</v>
      </c>
      <c r="H812" s="51" t="s">
        <v>516</v>
      </c>
      <c r="I812" s="51" t="s">
        <v>517</v>
      </c>
      <c r="J812" s="51" t="s">
        <v>443</v>
      </c>
      <c r="K812" s="52" t="s">
        <v>350</v>
      </c>
      <c r="L812" s="53" t="s">
        <v>351</v>
      </c>
      <c r="M812" s="50" t="s">
        <v>344</v>
      </c>
    </row>
    <row r="813" spans="1:25" x14ac:dyDescent="0.2">
      <c r="B813" s="5"/>
      <c r="C813" s="40" t="s">
        <v>38</v>
      </c>
      <c r="D813" s="41">
        <v>4307</v>
      </c>
      <c r="E813" s="42">
        <v>12.5</v>
      </c>
      <c r="F813" s="42">
        <v>50</v>
      </c>
      <c r="G813" s="42">
        <v>28.4</v>
      </c>
      <c r="H813" s="42">
        <v>3.1</v>
      </c>
      <c r="I813" s="42">
        <v>1</v>
      </c>
      <c r="J813" s="42">
        <v>4.9000000000000004</v>
      </c>
      <c r="K813" s="42">
        <v>36.799999999999997</v>
      </c>
      <c r="L813" s="54">
        <v>50</v>
      </c>
    </row>
    <row r="814" spans="1:25" x14ac:dyDescent="0.2">
      <c r="B814" s="72" t="s">
        <v>37</v>
      </c>
      <c r="C814" s="38" t="s">
        <v>39</v>
      </c>
      <c r="D814" s="44">
        <v>1325</v>
      </c>
      <c r="E814" s="45">
        <v>12.9</v>
      </c>
      <c r="F814" s="45">
        <v>48.9</v>
      </c>
      <c r="G814" s="45">
        <v>28.2</v>
      </c>
      <c r="H814" s="45">
        <v>3.7</v>
      </c>
      <c r="I814" s="45">
        <v>1.1000000000000001</v>
      </c>
      <c r="J814" s="45">
        <v>5.3</v>
      </c>
      <c r="K814" s="45">
        <v>36.4</v>
      </c>
      <c r="L814" s="55">
        <v>50</v>
      </c>
    </row>
    <row r="815" spans="1:25" x14ac:dyDescent="0.2">
      <c r="B815" s="72"/>
      <c r="C815" s="38" t="s">
        <v>40</v>
      </c>
      <c r="D815" s="44">
        <v>675</v>
      </c>
      <c r="E815" s="45">
        <v>10.4</v>
      </c>
      <c r="F815" s="45">
        <v>51</v>
      </c>
      <c r="G815" s="45">
        <v>28</v>
      </c>
      <c r="H815" s="45">
        <v>3</v>
      </c>
      <c r="I815" s="45">
        <v>1.8</v>
      </c>
      <c r="J815" s="45">
        <v>5.9</v>
      </c>
      <c r="K815" s="45">
        <v>34.6</v>
      </c>
      <c r="L815" s="55">
        <v>50</v>
      </c>
    </row>
    <row r="816" spans="1:25" x14ac:dyDescent="0.2">
      <c r="B816" s="72"/>
      <c r="C816" s="38" t="s">
        <v>41</v>
      </c>
      <c r="D816" s="44">
        <v>168</v>
      </c>
      <c r="E816" s="45">
        <v>16.7</v>
      </c>
      <c r="F816" s="45">
        <v>48.8</v>
      </c>
      <c r="G816" s="45">
        <v>27.4</v>
      </c>
      <c r="H816" s="45">
        <v>1.8</v>
      </c>
      <c r="I816" s="45">
        <v>0</v>
      </c>
      <c r="J816" s="45">
        <v>5.4</v>
      </c>
      <c r="K816" s="45">
        <v>42.5</v>
      </c>
      <c r="L816" s="55">
        <v>50</v>
      </c>
    </row>
    <row r="817" spans="1:25" x14ac:dyDescent="0.2">
      <c r="B817" s="72"/>
      <c r="C817" s="38" t="s">
        <v>42</v>
      </c>
      <c r="D817" s="44">
        <v>290</v>
      </c>
      <c r="E817" s="45">
        <v>12.4</v>
      </c>
      <c r="F817" s="45">
        <v>51</v>
      </c>
      <c r="G817" s="45">
        <v>29</v>
      </c>
      <c r="H817" s="45">
        <v>2.1</v>
      </c>
      <c r="I817" s="45">
        <v>0.7</v>
      </c>
      <c r="J817" s="45">
        <v>4.8</v>
      </c>
      <c r="K817" s="45">
        <v>38</v>
      </c>
      <c r="L817" s="55">
        <v>50</v>
      </c>
    </row>
    <row r="818" spans="1:25" x14ac:dyDescent="0.2">
      <c r="B818" s="72"/>
      <c r="C818" s="38" t="s">
        <v>43</v>
      </c>
      <c r="D818" s="44">
        <v>231</v>
      </c>
      <c r="E818" s="45">
        <v>16.5</v>
      </c>
      <c r="F818" s="45">
        <v>45</v>
      </c>
      <c r="G818" s="45">
        <v>30.7</v>
      </c>
      <c r="H818" s="45">
        <v>3.5</v>
      </c>
      <c r="I818" s="45">
        <v>0.9</v>
      </c>
      <c r="J818" s="45">
        <v>3.5</v>
      </c>
      <c r="K818" s="45">
        <v>37.700000000000003</v>
      </c>
      <c r="L818" s="55">
        <v>50</v>
      </c>
    </row>
    <row r="819" spans="1:25" x14ac:dyDescent="0.2">
      <c r="B819" s="72"/>
      <c r="C819" s="38" t="s">
        <v>44</v>
      </c>
      <c r="D819" s="44">
        <v>800</v>
      </c>
      <c r="E819" s="45">
        <v>10.3</v>
      </c>
      <c r="F819" s="45">
        <v>50.8</v>
      </c>
      <c r="G819" s="45">
        <v>30</v>
      </c>
      <c r="H819" s="45">
        <v>3.1</v>
      </c>
      <c r="I819" s="45">
        <v>0.8</v>
      </c>
      <c r="J819" s="45">
        <v>5.0999999999999996</v>
      </c>
      <c r="K819" s="45">
        <v>35.1</v>
      </c>
      <c r="L819" s="55">
        <v>50</v>
      </c>
    </row>
    <row r="820" spans="1:25" x14ac:dyDescent="0.2">
      <c r="B820" s="72"/>
      <c r="C820" s="38" t="s">
        <v>45</v>
      </c>
      <c r="D820" s="44">
        <v>240</v>
      </c>
      <c r="E820" s="45">
        <v>15.4</v>
      </c>
      <c r="F820" s="45">
        <v>50</v>
      </c>
      <c r="G820" s="45">
        <v>27.1</v>
      </c>
      <c r="H820" s="45">
        <v>4.2</v>
      </c>
      <c r="I820" s="45">
        <v>0.8</v>
      </c>
      <c r="J820" s="45">
        <v>2.5</v>
      </c>
      <c r="K820" s="45">
        <v>38.5</v>
      </c>
      <c r="L820" s="55">
        <v>50</v>
      </c>
    </row>
    <row r="821" spans="1:25" x14ac:dyDescent="0.2">
      <c r="B821" s="72"/>
      <c r="C821" s="38" t="s">
        <v>46</v>
      </c>
      <c r="D821" s="44">
        <v>117</v>
      </c>
      <c r="E821" s="45">
        <v>12</v>
      </c>
      <c r="F821" s="45">
        <v>47.9</v>
      </c>
      <c r="G821" s="45">
        <v>33.299999999999997</v>
      </c>
      <c r="H821" s="45">
        <v>3.4</v>
      </c>
      <c r="I821" s="45">
        <v>0.9</v>
      </c>
      <c r="J821" s="45">
        <v>2.6</v>
      </c>
      <c r="K821" s="45">
        <v>34.200000000000003</v>
      </c>
      <c r="L821" s="55">
        <v>50</v>
      </c>
    </row>
    <row r="822" spans="1:25" x14ac:dyDescent="0.2">
      <c r="B822" s="72"/>
      <c r="C822" s="38" t="s">
        <v>47</v>
      </c>
      <c r="D822" s="44">
        <v>461</v>
      </c>
      <c r="E822" s="45">
        <v>13.9</v>
      </c>
      <c r="F822" s="45">
        <v>53.6</v>
      </c>
      <c r="G822" s="45">
        <v>24.9</v>
      </c>
      <c r="H822" s="45">
        <v>1.7</v>
      </c>
      <c r="I822" s="45">
        <v>1.1000000000000001</v>
      </c>
      <c r="J822" s="45">
        <v>4.8</v>
      </c>
      <c r="K822" s="45">
        <v>40.700000000000003</v>
      </c>
      <c r="L822" s="55">
        <v>50</v>
      </c>
    </row>
    <row r="823" spans="1:25" ht="21.6" x14ac:dyDescent="0.2">
      <c r="B823" s="72"/>
      <c r="C823" s="39" t="s">
        <v>48</v>
      </c>
      <c r="D823" s="47">
        <v>2307</v>
      </c>
      <c r="E823" s="48">
        <v>13</v>
      </c>
      <c r="F823" s="48">
        <v>50.4</v>
      </c>
      <c r="G823" s="48">
        <v>28.6</v>
      </c>
      <c r="H823" s="48">
        <v>2.8</v>
      </c>
      <c r="I823" s="48">
        <v>0.8</v>
      </c>
      <c r="J823" s="48">
        <v>4.5</v>
      </c>
      <c r="K823" s="48">
        <v>37.700000000000003</v>
      </c>
      <c r="L823" s="56">
        <v>50</v>
      </c>
    </row>
    <row r="824" spans="1:25" x14ac:dyDescent="0.2">
      <c r="B824" s="7" t="s">
        <v>49</v>
      </c>
      <c r="C824" s="4" t="s">
        <v>119</v>
      </c>
    </row>
    <row r="825" spans="1:25" x14ac:dyDescent="0.2">
      <c r="B825" s="4"/>
      <c r="C825" s="4" t="s">
        <v>51</v>
      </c>
    </row>
    <row r="827" spans="1:25" x14ac:dyDescent="0.2">
      <c r="A827" s="26" t="s">
        <v>25</v>
      </c>
      <c r="B827" t="s">
        <v>35</v>
      </c>
      <c r="C827" t="s">
        <v>35</v>
      </c>
    </row>
    <row r="828" spans="1:25" x14ac:dyDescent="0.2">
      <c r="B828" s="70" t="s">
        <v>120</v>
      </c>
      <c r="C828" s="71"/>
      <c r="D828" s="71"/>
      <c r="E828" s="71"/>
      <c r="F828" s="71"/>
      <c r="G828" s="71"/>
      <c r="H828" s="71"/>
      <c r="I828" s="71"/>
      <c r="J828" s="71"/>
      <c r="K828" s="71"/>
      <c r="L828" s="71"/>
      <c r="M828" s="71"/>
      <c r="N828" s="71"/>
      <c r="O828" s="71"/>
      <c r="P828" s="71"/>
      <c r="Q828" s="71"/>
      <c r="R828" s="71"/>
      <c r="S828" s="71"/>
      <c r="T828" s="71"/>
      <c r="U828" s="71"/>
      <c r="V828" s="71"/>
      <c r="W828" s="71"/>
      <c r="X828" s="71"/>
      <c r="Y828" s="71"/>
    </row>
    <row r="829" spans="1:25" s="32" customFormat="1" ht="36.450000000000003" customHeight="1" x14ac:dyDescent="0.15">
      <c r="A829" s="31"/>
      <c r="D829" s="33" t="s">
        <v>341</v>
      </c>
      <c r="E829" s="36" t="s">
        <v>518</v>
      </c>
      <c r="F829" s="51" t="s">
        <v>488</v>
      </c>
      <c r="G829" s="51" t="s">
        <v>519</v>
      </c>
      <c r="H829" s="37" t="s">
        <v>443</v>
      </c>
      <c r="I829" s="35" t="s">
        <v>344</v>
      </c>
    </row>
    <row r="830" spans="1:25" x14ac:dyDescent="0.2">
      <c r="B830" s="5"/>
      <c r="C830" s="40" t="s">
        <v>38</v>
      </c>
      <c r="D830" s="41">
        <v>4307</v>
      </c>
      <c r="E830" s="42">
        <v>62.6</v>
      </c>
      <c r="F830" s="42">
        <v>28.4</v>
      </c>
      <c r="G830" s="42">
        <v>4.0999999999999996</v>
      </c>
      <c r="H830" s="43">
        <v>4.9000000000000004</v>
      </c>
    </row>
    <row r="831" spans="1:25" x14ac:dyDescent="0.2">
      <c r="B831" s="72" t="s">
        <v>37</v>
      </c>
      <c r="C831" s="38" t="s">
        <v>39</v>
      </c>
      <c r="D831" s="44">
        <v>1325</v>
      </c>
      <c r="E831" s="45">
        <v>61.8</v>
      </c>
      <c r="F831" s="45">
        <v>28.2</v>
      </c>
      <c r="G831" s="45">
        <v>4.8</v>
      </c>
      <c r="H831" s="46">
        <v>5.3</v>
      </c>
    </row>
    <row r="832" spans="1:25" x14ac:dyDescent="0.2">
      <c r="B832" s="72"/>
      <c r="C832" s="38" t="s">
        <v>40</v>
      </c>
      <c r="D832" s="44">
        <v>675</v>
      </c>
      <c r="E832" s="45">
        <v>61.3</v>
      </c>
      <c r="F832" s="45">
        <v>28</v>
      </c>
      <c r="G832" s="45">
        <v>4.7</v>
      </c>
      <c r="H832" s="46">
        <v>5.9</v>
      </c>
    </row>
    <row r="833" spans="1:25" x14ac:dyDescent="0.2">
      <c r="B833" s="72"/>
      <c r="C833" s="38" t="s">
        <v>41</v>
      </c>
      <c r="D833" s="44">
        <v>168</v>
      </c>
      <c r="E833" s="45">
        <v>65.5</v>
      </c>
      <c r="F833" s="45">
        <v>27.4</v>
      </c>
      <c r="G833" s="45">
        <v>1.8</v>
      </c>
      <c r="H833" s="46">
        <v>5.4</v>
      </c>
    </row>
    <row r="834" spans="1:25" x14ac:dyDescent="0.2">
      <c r="B834" s="72"/>
      <c r="C834" s="38" t="s">
        <v>42</v>
      </c>
      <c r="D834" s="44">
        <v>290</v>
      </c>
      <c r="E834" s="45">
        <v>63.4</v>
      </c>
      <c r="F834" s="45">
        <v>29</v>
      </c>
      <c r="G834" s="45">
        <v>2.8</v>
      </c>
      <c r="H834" s="46">
        <v>4.8</v>
      </c>
    </row>
    <row r="835" spans="1:25" x14ac:dyDescent="0.2">
      <c r="B835" s="72"/>
      <c r="C835" s="38" t="s">
        <v>43</v>
      </c>
      <c r="D835" s="44">
        <v>231</v>
      </c>
      <c r="E835" s="45">
        <v>61.5</v>
      </c>
      <c r="F835" s="45">
        <v>30.7</v>
      </c>
      <c r="G835" s="45">
        <v>4.3</v>
      </c>
      <c r="H835" s="46">
        <v>3.5</v>
      </c>
    </row>
    <row r="836" spans="1:25" x14ac:dyDescent="0.2">
      <c r="B836" s="72"/>
      <c r="C836" s="38" t="s">
        <v>44</v>
      </c>
      <c r="D836" s="44">
        <v>800</v>
      </c>
      <c r="E836" s="45">
        <v>61</v>
      </c>
      <c r="F836" s="45">
        <v>30</v>
      </c>
      <c r="G836" s="45">
        <v>3.9</v>
      </c>
      <c r="H836" s="46">
        <v>5.0999999999999996</v>
      </c>
    </row>
    <row r="837" spans="1:25" x14ac:dyDescent="0.2">
      <c r="B837" s="72"/>
      <c r="C837" s="38" t="s">
        <v>45</v>
      </c>
      <c r="D837" s="44">
        <v>240</v>
      </c>
      <c r="E837" s="45">
        <v>65.400000000000006</v>
      </c>
      <c r="F837" s="45">
        <v>27.1</v>
      </c>
      <c r="G837" s="45">
        <v>5</v>
      </c>
      <c r="H837" s="46">
        <v>2.5</v>
      </c>
    </row>
    <row r="838" spans="1:25" x14ac:dyDescent="0.2">
      <c r="B838" s="72"/>
      <c r="C838" s="38" t="s">
        <v>46</v>
      </c>
      <c r="D838" s="44">
        <v>117</v>
      </c>
      <c r="E838" s="45">
        <v>59.8</v>
      </c>
      <c r="F838" s="45">
        <v>33.299999999999997</v>
      </c>
      <c r="G838" s="45">
        <v>4.3</v>
      </c>
      <c r="H838" s="46">
        <v>2.6</v>
      </c>
    </row>
    <row r="839" spans="1:25" x14ac:dyDescent="0.2">
      <c r="B839" s="72"/>
      <c r="C839" s="38" t="s">
        <v>47</v>
      </c>
      <c r="D839" s="44">
        <v>461</v>
      </c>
      <c r="E839" s="45">
        <v>67.5</v>
      </c>
      <c r="F839" s="45">
        <v>24.9</v>
      </c>
      <c r="G839" s="45">
        <v>2.8</v>
      </c>
      <c r="H839" s="46">
        <v>4.8</v>
      </c>
    </row>
    <row r="840" spans="1:25" ht="21.6" x14ac:dyDescent="0.2">
      <c r="B840" s="72"/>
      <c r="C840" s="39" t="s">
        <v>48</v>
      </c>
      <c r="D840" s="47">
        <v>2307</v>
      </c>
      <c r="E840" s="48">
        <v>63.4</v>
      </c>
      <c r="F840" s="48">
        <v>28.6</v>
      </c>
      <c r="G840" s="48">
        <v>3.6</v>
      </c>
      <c r="H840" s="49">
        <v>4.5</v>
      </c>
    </row>
    <row r="842" spans="1:25" x14ac:dyDescent="0.2">
      <c r="A842" s="26" t="s">
        <v>25</v>
      </c>
      <c r="B842" t="s">
        <v>35</v>
      </c>
      <c r="C842" t="s">
        <v>35</v>
      </c>
    </row>
    <row r="843" spans="1:25" x14ac:dyDescent="0.2">
      <c r="B843" s="70" t="s">
        <v>121</v>
      </c>
      <c r="C843" s="71"/>
      <c r="D843" s="71"/>
      <c r="E843" s="71"/>
      <c r="F843" s="71"/>
      <c r="G843" s="71"/>
      <c r="H843" s="71"/>
      <c r="I843" s="71"/>
      <c r="J843" s="71"/>
      <c r="K843" s="71"/>
      <c r="L843" s="71"/>
      <c r="M843" s="71"/>
      <c r="N843" s="71"/>
      <c r="O843" s="71"/>
      <c r="P843" s="71"/>
      <c r="Q843" s="71"/>
      <c r="R843" s="71"/>
      <c r="S843" s="71"/>
      <c r="T843" s="71"/>
      <c r="U843" s="71"/>
      <c r="V843" s="71"/>
      <c r="W843" s="71"/>
      <c r="X843" s="71"/>
      <c r="Y843" s="71"/>
    </row>
    <row r="844" spans="1:25" s="32" customFormat="1" ht="47.25" customHeight="1" x14ac:dyDescent="0.15">
      <c r="A844" s="31"/>
      <c r="D844" s="33" t="s">
        <v>341</v>
      </c>
      <c r="E844" s="36" t="s">
        <v>520</v>
      </c>
      <c r="F844" s="51" t="s">
        <v>521</v>
      </c>
      <c r="G844" s="51" t="s">
        <v>484</v>
      </c>
      <c r="H844" s="51" t="s">
        <v>522</v>
      </c>
      <c r="I844" s="51" t="s">
        <v>523</v>
      </c>
      <c r="J844" s="51" t="s">
        <v>443</v>
      </c>
      <c r="K844" s="52" t="s">
        <v>350</v>
      </c>
      <c r="L844" s="53" t="s">
        <v>351</v>
      </c>
      <c r="M844" s="50" t="s">
        <v>344</v>
      </c>
    </row>
    <row r="845" spans="1:25" x14ac:dyDescent="0.2">
      <c r="B845" s="5"/>
      <c r="C845" s="40" t="s">
        <v>38</v>
      </c>
      <c r="D845" s="41">
        <v>4307</v>
      </c>
      <c r="E845" s="42">
        <v>12.7</v>
      </c>
      <c r="F845" s="42">
        <v>50.1</v>
      </c>
      <c r="G845" s="42">
        <v>26.8</v>
      </c>
      <c r="H845" s="42">
        <v>2.4</v>
      </c>
      <c r="I845" s="42">
        <v>0.7</v>
      </c>
      <c r="J845" s="42">
        <v>7.3</v>
      </c>
      <c r="K845" s="42">
        <v>38.700000000000003</v>
      </c>
      <c r="L845" s="54">
        <v>50</v>
      </c>
    </row>
    <row r="846" spans="1:25" x14ac:dyDescent="0.2">
      <c r="B846" s="72" t="s">
        <v>37</v>
      </c>
      <c r="C846" s="38" t="s">
        <v>39</v>
      </c>
      <c r="D846" s="44">
        <v>1325</v>
      </c>
      <c r="E846" s="45">
        <v>12.3</v>
      </c>
      <c r="F846" s="45">
        <v>48.8</v>
      </c>
      <c r="G846" s="45">
        <v>27.4</v>
      </c>
      <c r="H846" s="45">
        <v>3.3</v>
      </c>
      <c r="I846" s="45">
        <v>0.5</v>
      </c>
      <c r="J846" s="45">
        <v>7.7</v>
      </c>
      <c r="K846" s="45">
        <v>37.4</v>
      </c>
      <c r="L846" s="55">
        <v>50</v>
      </c>
    </row>
    <row r="847" spans="1:25" x14ac:dyDescent="0.2">
      <c r="B847" s="72"/>
      <c r="C847" s="38" t="s">
        <v>40</v>
      </c>
      <c r="D847" s="44">
        <v>675</v>
      </c>
      <c r="E847" s="45">
        <v>12.6</v>
      </c>
      <c r="F847" s="45">
        <v>52.3</v>
      </c>
      <c r="G847" s="45">
        <v>24</v>
      </c>
      <c r="H847" s="45">
        <v>2.2000000000000002</v>
      </c>
      <c r="I847" s="45">
        <v>1.2</v>
      </c>
      <c r="J847" s="45">
        <v>7.7</v>
      </c>
      <c r="K847" s="45">
        <v>39.5</v>
      </c>
      <c r="L847" s="55">
        <v>50</v>
      </c>
    </row>
    <row r="848" spans="1:25" x14ac:dyDescent="0.2">
      <c r="B848" s="72"/>
      <c r="C848" s="38" t="s">
        <v>41</v>
      </c>
      <c r="D848" s="44">
        <v>168</v>
      </c>
      <c r="E848" s="45">
        <v>14.9</v>
      </c>
      <c r="F848" s="45">
        <v>50.6</v>
      </c>
      <c r="G848" s="45">
        <v>26.8</v>
      </c>
      <c r="H848" s="45">
        <v>0</v>
      </c>
      <c r="I848" s="45">
        <v>0</v>
      </c>
      <c r="J848" s="45">
        <v>7.7</v>
      </c>
      <c r="K848" s="45">
        <v>43.5</v>
      </c>
      <c r="L848" s="55">
        <v>50</v>
      </c>
    </row>
    <row r="849" spans="1:25" x14ac:dyDescent="0.2">
      <c r="B849" s="72"/>
      <c r="C849" s="38" t="s">
        <v>42</v>
      </c>
      <c r="D849" s="44">
        <v>290</v>
      </c>
      <c r="E849" s="45">
        <v>13.1</v>
      </c>
      <c r="F849" s="45">
        <v>49.7</v>
      </c>
      <c r="G849" s="45">
        <v>29.3</v>
      </c>
      <c r="H849" s="45">
        <v>1</v>
      </c>
      <c r="I849" s="45">
        <v>0.7</v>
      </c>
      <c r="J849" s="45">
        <v>6.2</v>
      </c>
      <c r="K849" s="45">
        <v>39.200000000000003</v>
      </c>
      <c r="L849" s="55">
        <v>50</v>
      </c>
    </row>
    <row r="850" spans="1:25" x14ac:dyDescent="0.2">
      <c r="B850" s="72"/>
      <c r="C850" s="38" t="s">
        <v>43</v>
      </c>
      <c r="D850" s="44">
        <v>231</v>
      </c>
      <c r="E850" s="45">
        <v>16.5</v>
      </c>
      <c r="F850" s="45">
        <v>46.8</v>
      </c>
      <c r="G850" s="45">
        <v>27.7</v>
      </c>
      <c r="H850" s="45">
        <v>2.6</v>
      </c>
      <c r="I850" s="45">
        <v>0.9</v>
      </c>
      <c r="J850" s="45">
        <v>5.6</v>
      </c>
      <c r="K850" s="45">
        <v>39.9</v>
      </c>
      <c r="L850" s="55">
        <v>50</v>
      </c>
    </row>
    <row r="851" spans="1:25" x14ac:dyDescent="0.2">
      <c r="B851" s="72"/>
      <c r="C851" s="38" t="s">
        <v>44</v>
      </c>
      <c r="D851" s="44">
        <v>800</v>
      </c>
      <c r="E851" s="45">
        <v>12.1</v>
      </c>
      <c r="F851" s="45">
        <v>49.3</v>
      </c>
      <c r="G851" s="45">
        <v>28</v>
      </c>
      <c r="H851" s="45">
        <v>2.2999999999999998</v>
      </c>
      <c r="I851" s="45">
        <v>0.6</v>
      </c>
      <c r="J851" s="45">
        <v>7.8</v>
      </c>
      <c r="K851" s="45">
        <v>37.9</v>
      </c>
      <c r="L851" s="55">
        <v>50</v>
      </c>
    </row>
    <row r="852" spans="1:25" x14ac:dyDescent="0.2">
      <c r="B852" s="72"/>
      <c r="C852" s="38" t="s">
        <v>45</v>
      </c>
      <c r="D852" s="44">
        <v>240</v>
      </c>
      <c r="E852" s="45">
        <v>12.9</v>
      </c>
      <c r="F852" s="45">
        <v>54.6</v>
      </c>
      <c r="G852" s="45">
        <v>24.2</v>
      </c>
      <c r="H852" s="45">
        <v>2.5</v>
      </c>
      <c r="I852" s="45">
        <v>0.4</v>
      </c>
      <c r="J852" s="45">
        <v>5.4</v>
      </c>
      <c r="K852" s="45">
        <v>40.700000000000003</v>
      </c>
      <c r="L852" s="55">
        <v>50</v>
      </c>
    </row>
    <row r="853" spans="1:25" x14ac:dyDescent="0.2">
      <c r="B853" s="72"/>
      <c r="C853" s="38" t="s">
        <v>46</v>
      </c>
      <c r="D853" s="44">
        <v>117</v>
      </c>
      <c r="E853" s="45">
        <v>10.3</v>
      </c>
      <c r="F853" s="45">
        <v>53.8</v>
      </c>
      <c r="G853" s="45">
        <v>23.9</v>
      </c>
      <c r="H853" s="45">
        <v>2.6</v>
      </c>
      <c r="I853" s="45">
        <v>0.9</v>
      </c>
      <c r="J853" s="45">
        <v>8.5</v>
      </c>
      <c r="K853" s="45">
        <v>38.299999999999997</v>
      </c>
      <c r="L853" s="55">
        <v>50</v>
      </c>
    </row>
    <row r="854" spans="1:25" x14ac:dyDescent="0.2">
      <c r="B854" s="72"/>
      <c r="C854" s="38" t="s">
        <v>47</v>
      </c>
      <c r="D854" s="44">
        <v>461</v>
      </c>
      <c r="E854" s="45">
        <v>12.6</v>
      </c>
      <c r="F854" s="45">
        <v>51</v>
      </c>
      <c r="G854" s="45">
        <v>27.1</v>
      </c>
      <c r="H854" s="45">
        <v>1.5</v>
      </c>
      <c r="I854" s="45">
        <v>0.7</v>
      </c>
      <c r="J854" s="45">
        <v>7.2</v>
      </c>
      <c r="K854" s="45">
        <v>39.5</v>
      </c>
      <c r="L854" s="55">
        <v>50</v>
      </c>
    </row>
    <row r="855" spans="1:25" ht="21.6" x14ac:dyDescent="0.2">
      <c r="B855" s="72"/>
      <c r="C855" s="39" t="s">
        <v>48</v>
      </c>
      <c r="D855" s="47">
        <v>2307</v>
      </c>
      <c r="E855" s="48">
        <v>13</v>
      </c>
      <c r="F855" s="48">
        <v>50.3</v>
      </c>
      <c r="G855" s="48">
        <v>27.3</v>
      </c>
      <c r="H855" s="48">
        <v>1.9</v>
      </c>
      <c r="I855" s="48">
        <v>0.6</v>
      </c>
      <c r="J855" s="48">
        <v>7</v>
      </c>
      <c r="K855" s="48">
        <v>39.299999999999997</v>
      </c>
      <c r="L855" s="56">
        <v>50</v>
      </c>
    </row>
    <row r="856" spans="1:25" x14ac:dyDescent="0.2">
      <c r="B856" s="7" t="s">
        <v>49</v>
      </c>
      <c r="C856" s="4" t="s">
        <v>122</v>
      </c>
    </row>
    <row r="857" spans="1:25" x14ac:dyDescent="0.2">
      <c r="B857" s="4"/>
      <c r="C857" s="4" t="s">
        <v>51</v>
      </c>
    </row>
    <row r="859" spans="1:25" x14ac:dyDescent="0.2">
      <c r="A859" s="26" t="s">
        <v>25</v>
      </c>
      <c r="B859" t="s">
        <v>35</v>
      </c>
      <c r="C859" t="s">
        <v>35</v>
      </c>
    </row>
    <row r="860" spans="1:25" x14ac:dyDescent="0.2">
      <c r="B860" s="70" t="s">
        <v>123</v>
      </c>
      <c r="C860" s="71"/>
      <c r="D860" s="71"/>
      <c r="E860" s="71"/>
      <c r="F860" s="71"/>
      <c r="G860" s="71"/>
      <c r="H860" s="71"/>
      <c r="I860" s="71"/>
      <c r="J860" s="71"/>
      <c r="K860" s="71"/>
      <c r="L860" s="71"/>
      <c r="M860" s="71"/>
      <c r="N860" s="71"/>
      <c r="O860" s="71"/>
      <c r="P860" s="71"/>
      <c r="Q860" s="71"/>
      <c r="R860" s="71"/>
      <c r="S860" s="71"/>
      <c r="T860" s="71"/>
      <c r="U860" s="71"/>
      <c r="V860" s="71"/>
      <c r="W860" s="71"/>
      <c r="X860" s="71"/>
      <c r="Y860" s="71"/>
    </row>
    <row r="861" spans="1:25" s="32" customFormat="1" ht="36.450000000000003" customHeight="1" x14ac:dyDescent="0.15">
      <c r="A861" s="31"/>
      <c r="D861" s="33" t="s">
        <v>341</v>
      </c>
      <c r="E861" s="36" t="s">
        <v>524</v>
      </c>
      <c r="F861" s="51" t="s">
        <v>488</v>
      </c>
      <c r="G861" s="51" t="s">
        <v>525</v>
      </c>
      <c r="H861" s="37" t="s">
        <v>443</v>
      </c>
      <c r="I861" s="35" t="s">
        <v>344</v>
      </c>
    </row>
    <row r="862" spans="1:25" x14ac:dyDescent="0.2">
      <c r="B862" s="5"/>
      <c r="C862" s="40" t="s">
        <v>38</v>
      </c>
      <c r="D862" s="41">
        <v>4307</v>
      </c>
      <c r="E862" s="42">
        <v>62.8</v>
      </c>
      <c r="F862" s="42">
        <v>26.8</v>
      </c>
      <c r="G862" s="42">
        <v>3</v>
      </c>
      <c r="H862" s="43">
        <v>7.3</v>
      </c>
    </row>
    <row r="863" spans="1:25" x14ac:dyDescent="0.2">
      <c r="B863" s="72" t="s">
        <v>37</v>
      </c>
      <c r="C863" s="38" t="s">
        <v>39</v>
      </c>
      <c r="D863" s="44">
        <v>1325</v>
      </c>
      <c r="E863" s="45">
        <v>61.1</v>
      </c>
      <c r="F863" s="45">
        <v>27.4</v>
      </c>
      <c r="G863" s="45">
        <v>3.8</v>
      </c>
      <c r="H863" s="46">
        <v>7.7</v>
      </c>
    </row>
    <row r="864" spans="1:25" x14ac:dyDescent="0.2">
      <c r="B864" s="72"/>
      <c r="C864" s="38" t="s">
        <v>40</v>
      </c>
      <c r="D864" s="44">
        <v>675</v>
      </c>
      <c r="E864" s="45">
        <v>64.900000000000006</v>
      </c>
      <c r="F864" s="45">
        <v>24</v>
      </c>
      <c r="G864" s="45">
        <v>3.4</v>
      </c>
      <c r="H864" s="46">
        <v>7.7</v>
      </c>
    </row>
    <row r="865" spans="1:25" x14ac:dyDescent="0.2">
      <c r="B865" s="72"/>
      <c r="C865" s="38" t="s">
        <v>41</v>
      </c>
      <c r="D865" s="44">
        <v>168</v>
      </c>
      <c r="E865" s="45">
        <v>65.5</v>
      </c>
      <c r="F865" s="45">
        <v>26.8</v>
      </c>
      <c r="G865" s="45">
        <v>0</v>
      </c>
      <c r="H865" s="46">
        <v>7.7</v>
      </c>
    </row>
    <row r="866" spans="1:25" x14ac:dyDescent="0.2">
      <c r="B866" s="72"/>
      <c r="C866" s="38" t="s">
        <v>42</v>
      </c>
      <c r="D866" s="44">
        <v>290</v>
      </c>
      <c r="E866" s="45">
        <v>62.8</v>
      </c>
      <c r="F866" s="45">
        <v>29.3</v>
      </c>
      <c r="G866" s="45">
        <v>1.7</v>
      </c>
      <c r="H866" s="46">
        <v>6.2</v>
      </c>
    </row>
    <row r="867" spans="1:25" x14ac:dyDescent="0.2">
      <c r="B867" s="72"/>
      <c r="C867" s="38" t="s">
        <v>43</v>
      </c>
      <c r="D867" s="44">
        <v>231</v>
      </c>
      <c r="E867" s="45">
        <v>63.2</v>
      </c>
      <c r="F867" s="45">
        <v>27.7</v>
      </c>
      <c r="G867" s="45">
        <v>3.5</v>
      </c>
      <c r="H867" s="46">
        <v>5.6</v>
      </c>
    </row>
    <row r="868" spans="1:25" x14ac:dyDescent="0.2">
      <c r="B868" s="72"/>
      <c r="C868" s="38" t="s">
        <v>44</v>
      </c>
      <c r="D868" s="44">
        <v>800</v>
      </c>
      <c r="E868" s="45">
        <v>61.4</v>
      </c>
      <c r="F868" s="45">
        <v>28</v>
      </c>
      <c r="G868" s="45">
        <v>2.9</v>
      </c>
      <c r="H868" s="46">
        <v>7.8</v>
      </c>
    </row>
    <row r="869" spans="1:25" x14ac:dyDescent="0.2">
      <c r="B869" s="72"/>
      <c r="C869" s="38" t="s">
        <v>45</v>
      </c>
      <c r="D869" s="44">
        <v>240</v>
      </c>
      <c r="E869" s="45">
        <v>67.5</v>
      </c>
      <c r="F869" s="45">
        <v>24.2</v>
      </c>
      <c r="G869" s="45">
        <v>2.9</v>
      </c>
      <c r="H869" s="46">
        <v>5.4</v>
      </c>
    </row>
    <row r="870" spans="1:25" x14ac:dyDescent="0.2">
      <c r="B870" s="72"/>
      <c r="C870" s="38" t="s">
        <v>46</v>
      </c>
      <c r="D870" s="44">
        <v>117</v>
      </c>
      <c r="E870" s="45">
        <v>64.099999999999994</v>
      </c>
      <c r="F870" s="45">
        <v>23.9</v>
      </c>
      <c r="G870" s="45">
        <v>3.4</v>
      </c>
      <c r="H870" s="46">
        <v>8.5</v>
      </c>
    </row>
    <row r="871" spans="1:25" x14ac:dyDescent="0.2">
      <c r="B871" s="72"/>
      <c r="C871" s="38" t="s">
        <v>47</v>
      </c>
      <c r="D871" s="44">
        <v>461</v>
      </c>
      <c r="E871" s="45">
        <v>63.6</v>
      </c>
      <c r="F871" s="45">
        <v>27.1</v>
      </c>
      <c r="G871" s="45">
        <v>2.2000000000000002</v>
      </c>
      <c r="H871" s="46">
        <v>7.2</v>
      </c>
    </row>
    <row r="872" spans="1:25" ht="21.6" x14ac:dyDescent="0.2">
      <c r="B872" s="72"/>
      <c r="C872" s="39" t="s">
        <v>48</v>
      </c>
      <c r="D872" s="47">
        <v>2307</v>
      </c>
      <c r="E872" s="48">
        <v>63.2</v>
      </c>
      <c r="F872" s="48">
        <v>27.3</v>
      </c>
      <c r="G872" s="48">
        <v>2.5</v>
      </c>
      <c r="H872" s="49">
        <v>7</v>
      </c>
    </row>
    <row r="874" spans="1:25" x14ac:dyDescent="0.2">
      <c r="A874" s="26" t="s">
        <v>25</v>
      </c>
      <c r="B874" t="s">
        <v>35</v>
      </c>
      <c r="C874" t="s">
        <v>35</v>
      </c>
    </row>
    <row r="875" spans="1:25" x14ac:dyDescent="0.2">
      <c r="B875" s="70" t="s">
        <v>124</v>
      </c>
      <c r="C875" s="71"/>
      <c r="D875" s="71"/>
      <c r="E875" s="71"/>
      <c r="F875" s="71"/>
      <c r="G875" s="71"/>
      <c r="H875" s="71"/>
      <c r="I875" s="71"/>
      <c r="J875" s="71"/>
      <c r="K875" s="71"/>
      <c r="L875" s="71"/>
      <c r="M875" s="71"/>
      <c r="N875" s="71"/>
      <c r="O875" s="71"/>
      <c r="P875" s="71"/>
      <c r="Q875" s="71"/>
      <c r="R875" s="71"/>
      <c r="S875" s="71"/>
      <c r="T875" s="71"/>
      <c r="U875" s="71"/>
      <c r="V875" s="71"/>
      <c r="W875" s="71"/>
      <c r="X875" s="71"/>
      <c r="Y875" s="71"/>
    </row>
    <row r="876" spans="1:25" s="32" customFormat="1" ht="47.25" customHeight="1" x14ac:dyDescent="0.15">
      <c r="A876" s="31"/>
      <c r="D876" s="33" t="s">
        <v>341</v>
      </c>
      <c r="E876" s="36" t="s">
        <v>482</v>
      </c>
      <c r="F876" s="51" t="s">
        <v>483</v>
      </c>
      <c r="G876" s="51" t="s">
        <v>484</v>
      </c>
      <c r="H876" s="51" t="s">
        <v>485</v>
      </c>
      <c r="I876" s="51" t="s">
        <v>486</v>
      </c>
      <c r="J876" s="51" t="s">
        <v>443</v>
      </c>
      <c r="K876" s="52" t="s">
        <v>350</v>
      </c>
      <c r="L876" s="53" t="s">
        <v>351</v>
      </c>
      <c r="M876" s="50" t="s">
        <v>344</v>
      </c>
    </row>
    <row r="877" spans="1:25" x14ac:dyDescent="0.2">
      <c r="B877" s="5"/>
      <c r="C877" s="40" t="s">
        <v>38</v>
      </c>
      <c r="D877" s="41">
        <v>4307</v>
      </c>
      <c r="E877" s="42">
        <v>0.8</v>
      </c>
      <c r="F877" s="42">
        <v>8</v>
      </c>
      <c r="G877" s="42">
        <v>57.8</v>
      </c>
      <c r="H877" s="42">
        <v>21.7</v>
      </c>
      <c r="I877" s="42">
        <v>8.5</v>
      </c>
      <c r="J877" s="42">
        <v>3.2</v>
      </c>
      <c r="K877" s="42">
        <v>-15</v>
      </c>
      <c r="L877" s="54">
        <v>0</v>
      </c>
    </row>
    <row r="878" spans="1:25" x14ac:dyDescent="0.2">
      <c r="B878" s="72" t="s">
        <v>37</v>
      </c>
      <c r="C878" s="38" t="s">
        <v>39</v>
      </c>
      <c r="D878" s="44">
        <v>1325</v>
      </c>
      <c r="E878" s="45">
        <v>0.7</v>
      </c>
      <c r="F878" s="45">
        <v>8.8000000000000007</v>
      </c>
      <c r="G878" s="45">
        <v>58.3</v>
      </c>
      <c r="H878" s="45">
        <v>19.899999999999999</v>
      </c>
      <c r="I878" s="45">
        <v>8</v>
      </c>
      <c r="J878" s="45">
        <v>4.2</v>
      </c>
      <c r="K878" s="45">
        <v>-13.4</v>
      </c>
      <c r="L878" s="55">
        <v>0</v>
      </c>
    </row>
    <row r="879" spans="1:25" x14ac:dyDescent="0.2">
      <c r="B879" s="72"/>
      <c r="C879" s="38" t="s">
        <v>40</v>
      </c>
      <c r="D879" s="44">
        <v>675</v>
      </c>
      <c r="E879" s="45">
        <v>0.6</v>
      </c>
      <c r="F879" s="45">
        <v>8.4</v>
      </c>
      <c r="G879" s="45">
        <v>55.9</v>
      </c>
      <c r="H879" s="45">
        <v>23.7</v>
      </c>
      <c r="I879" s="45">
        <v>7.9</v>
      </c>
      <c r="J879" s="45">
        <v>3.6</v>
      </c>
      <c r="K879" s="45">
        <v>-15.4</v>
      </c>
      <c r="L879" s="55">
        <v>0</v>
      </c>
    </row>
    <row r="880" spans="1:25" x14ac:dyDescent="0.2">
      <c r="B880" s="72"/>
      <c r="C880" s="38" t="s">
        <v>41</v>
      </c>
      <c r="D880" s="44">
        <v>168</v>
      </c>
      <c r="E880" s="45">
        <v>0.6</v>
      </c>
      <c r="F880" s="45">
        <v>6</v>
      </c>
      <c r="G880" s="45">
        <v>56.5</v>
      </c>
      <c r="H880" s="45">
        <v>24.4</v>
      </c>
      <c r="I880" s="45">
        <v>10.1</v>
      </c>
      <c r="J880" s="45">
        <v>2.4</v>
      </c>
      <c r="K880" s="45">
        <v>-19.2</v>
      </c>
      <c r="L880" s="55">
        <v>0</v>
      </c>
    </row>
    <row r="881" spans="1:25" x14ac:dyDescent="0.2">
      <c r="B881" s="72"/>
      <c r="C881" s="38" t="s">
        <v>42</v>
      </c>
      <c r="D881" s="44">
        <v>290</v>
      </c>
      <c r="E881" s="45">
        <v>0</v>
      </c>
      <c r="F881" s="45">
        <v>6.2</v>
      </c>
      <c r="G881" s="45">
        <v>63.4</v>
      </c>
      <c r="H881" s="45">
        <v>20</v>
      </c>
      <c r="I881" s="45">
        <v>8.3000000000000007</v>
      </c>
      <c r="J881" s="45">
        <v>2.1</v>
      </c>
      <c r="K881" s="45">
        <v>-15.5</v>
      </c>
      <c r="L881" s="55">
        <v>0</v>
      </c>
    </row>
    <row r="882" spans="1:25" x14ac:dyDescent="0.2">
      <c r="B882" s="72"/>
      <c r="C882" s="38" t="s">
        <v>43</v>
      </c>
      <c r="D882" s="44">
        <v>231</v>
      </c>
      <c r="E882" s="45">
        <v>0</v>
      </c>
      <c r="F882" s="45">
        <v>7.8</v>
      </c>
      <c r="G882" s="45">
        <v>56.3</v>
      </c>
      <c r="H882" s="45">
        <v>25.5</v>
      </c>
      <c r="I882" s="45">
        <v>9.5</v>
      </c>
      <c r="J882" s="45">
        <v>0.9</v>
      </c>
      <c r="K882" s="45">
        <v>-18.600000000000001</v>
      </c>
      <c r="L882" s="55">
        <v>0</v>
      </c>
    </row>
    <row r="883" spans="1:25" x14ac:dyDescent="0.2">
      <c r="B883" s="72"/>
      <c r="C883" s="38" t="s">
        <v>44</v>
      </c>
      <c r="D883" s="44">
        <v>800</v>
      </c>
      <c r="E883" s="45">
        <v>1.1000000000000001</v>
      </c>
      <c r="F883" s="45">
        <v>6.9</v>
      </c>
      <c r="G883" s="45">
        <v>57.9</v>
      </c>
      <c r="H883" s="45">
        <v>22.1</v>
      </c>
      <c r="I883" s="45">
        <v>8.9</v>
      </c>
      <c r="J883" s="45">
        <v>3.1</v>
      </c>
      <c r="K883" s="45">
        <v>-15.9</v>
      </c>
      <c r="L883" s="55">
        <v>0</v>
      </c>
    </row>
    <row r="884" spans="1:25" x14ac:dyDescent="0.2">
      <c r="B884" s="72"/>
      <c r="C884" s="38" t="s">
        <v>45</v>
      </c>
      <c r="D884" s="44">
        <v>240</v>
      </c>
      <c r="E884" s="45">
        <v>0.8</v>
      </c>
      <c r="F884" s="45">
        <v>8.3000000000000007</v>
      </c>
      <c r="G884" s="45">
        <v>57.1</v>
      </c>
      <c r="H884" s="45">
        <v>22.9</v>
      </c>
      <c r="I884" s="45">
        <v>10</v>
      </c>
      <c r="J884" s="45">
        <v>0.8</v>
      </c>
      <c r="K884" s="45">
        <v>-16.600000000000001</v>
      </c>
      <c r="L884" s="55">
        <v>0</v>
      </c>
    </row>
    <row r="885" spans="1:25" x14ac:dyDescent="0.2">
      <c r="B885" s="72"/>
      <c r="C885" s="38" t="s">
        <v>46</v>
      </c>
      <c r="D885" s="44">
        <v>117</v>
      </c>
      <c r="E885" s="45">
        <v>2.6</v>
      </c>
      <c r="F885" s="45">
        <v>9.4</v>
      </c>
      <c r="G885" s="45">
        <v>59</v>
      </c>
      <c r="H885" s="45">
        <v>21.4</v>
      </c>
      <c r="I885" s="45">
        <v>5.0999999999999996</v>
      </c>
      <c r="J885" s="45">
        <v>2.6</v>
      </c>
      <c r="K885" s="45">
        <v>-8.8000000000000007</v>
      </c>
      <c r="L885" s="55">
        <v>0</v>
      </c>
    </row>
    <row r="886" spans="1:25" x14ac:dyDescent="0.2">
      <c r="B886" s="72"/>
      <c r="C886" s="38" t="s">
        <v>47</v>
      </c>
      <c r="D886" s="44">
        <v>461</v>
      </c>
      <c r="E886" s="45">
        <v>1.1000000000000001</v>
      </c>
      <c r="F886" s="45">
        <v>8.6999999999999993</v>
      </c>
      <c r="G886" s="45">
        <v>57</v>
      </c>
      <c r="H886" s="45">
        <v>20.399999999999999</v>
      </c>
      <c r="I886" s="45">
        <v>9.3000000000000007</v>
      </c>
      <c r="J886" s="45">
        <v>3.5</v>
      </c>
      <c r="K886" s="45">
        <v>-14.6</v>
      </c>
      <c r="L886" s="55">
        <v>0</v>
      </c>
    </row>
    <row r="887" spans="1:25" ht="21.6" x14ac:dyDescent="0.2">
      <c r="B887" s="72"/>
      <c r="C887" s="39" t="s">
        <v>48</v>
      </c>
      <c r="D887" s="47">
        <v>2307</v>
      </c>
      <c r="E887" s="48">
        <v>0.9</v>
      </c>
      <c r="F887" s="48">
        <v>7.5</v>
      </c>
      <c r="G887" s="48">
        <v>58.1</v>
      </c>
      <c r="H887" s="48">
        <v>22.1</v>
      </c>
      <c r="I887" s="48">
        <v>9</v>
      </c>
      <c r="J887" s="48">
        <v>2.5</v>
      </c>
      <c r="K887" s="48">
        <v>-15.8</v>
      </c>
      <c r="L887" s="56">
        <v>0</v>
      </c>
    </row>
    <row r="888" spans="1:25" x14ac:dyDescent="0.2">
      <c r="B888" s="7" t="s">
        <v>49</v>
      </c>
      <c r="C888" s="4" t="s">
        <v>125</v>
      </c>
    </row>
    <row r="889" spans="1:25" x14ac:dyDescent="0.2">
      <c r="B889" s="4"/>
      <c r="C889" s="4" t="s">
        <v>51</v>
      </c>
    </row>
    <row r="891" spans="1:25" x14ac:dyDescent="0.2">
      <c r="A891" s="26" t="s">
        <v>25</v>
      </c>
      <c r="B891" t="s">
        <v>35</v>
      </c>
      <c r="C891" t="s">
        <v>35</v>
      </c>
    </row>
    <row r="892" spans="1:25" x14ac:dyDescent="0.2">
      <c r="B892" s="70" t="s">
        <v>126</v>
      </c>
      <c r="C892" s="71"/>
      <c r="D892" s="71"/>
      <c r="E892" s="71"/>
      <c r="F892" s="71"/>
      <c r="G892" s="71"/>
      <c r="H892" s="71"/>
      <c r="I892" s="71"/>
      <c r="J892" s="71"/>
      <c r="K892" s="71"/>
      <c r="L892" s="71"/>
      <c r="M892" s="71"/>
      <c r="N892" s="71"/>
      <c r="O892" s="71"/>
      <c r="P892" s="71"/>
      <c r="Q892" s="71"/>
      <c r="R892" s="71"/>
      <c r="S892" s="71"/>
      <c r="T892" s="71"/>
      <c r="U892" s="71"/>
      <c r="V892" s="71"/>
      <c r="W892" s="71"/>
      <c r="X892" s="71"/>
      <c r="Y892" s="71"/>
    </row>
    <row r="893" spans="1:25" s="32" customFormat="1" ht="36.450000000000003" customHeight="1" x14ac:dyDescent="0.15">
      <c r="A893" s="31"/>
      <c r="D893" s="33" t="s">
        <v>341</v>
      </c>
      <c r="E893" s="36" t="s">
        <v>487</v>
      </c>
      <c r="F893" s="51" t="s">
        <v>488</v>
      </c>
      <c r="G893" s="51" t="s">
        <v>489</v>
      </c>
      <c r="H893" s="37" t="s">
        <v>443</v>
      </c>
      <c r="I893" s="35" t="s">
        <v>344</v>
      </c>
    </row>
    <row r="894" spans="1:25" x14ac:dyDescent="0.2">
      <c r="B894" s="5"/>
      <c r="C894" s="40" t="s">
        <v>38</v>
      </c>
      <c r="D894" s="41">
        <v>4307</v>
      </c>
      <c r="E894" s="42">
        <v>8.8000000000000007</v>
      </c>
      <c r="F894" s="42">
        <v>57.8</v>
      </c>
      <c r="G894" s="42">
        <v>30.2</v>
      </c>
      <c r="H894" s="43">
        <v>3.2</v>
      </c>
    </row>
    <row r="895" spans="1:25" x14ac:dyDescent="0.2">
      <c r="B895" s="72" t="s">
        <v>37</v>
      </c>
      <c r="C895" s="38" t="s">
        <v>39</v>
      </c>
      <c r="D895" s="44">
        <v>1325</v>
      </c>
      <c r="E895" s="45">
        <v>9.5</v>
      </c>
      <c r="F895" s="45">
        <v>58.3</v>
      </c>
      <c r="G895" s="45">
        <v>27.9</v>
      </c>
      <c r="H895" s="46">
        <v>4.2</v>
      </c>
    </row>
    <row r="896" spans="1:25" x14ac:dyDescent="0.2">
      <c r="B896" s="72"/>
      <c r="C896" s="38" t="s">
        <v>40</v>
      </c>
      <c r="D896" s="44">
        <v>675</v>
      </c>
      <c r="E896" s="45">
        <v>9</v>
      </c>
      <c r="F896" s="45">
        <v>55.9</v>
      </c>
      <c r="G896" s="45">
        <v>31.6</v>
      </c>
      <c r="H896" s="46">
        <v>3.6</v>
      </c>
    </row>
    <row r="897" spans="1:25" x14ac:dyDescent="0.2">
      <c r="B897" s="72"/>
      <c r="C897" s="38" t="s">
        <v>41</v>
      </c>
      <c r="D897" s="44">
        <v>168</v>
      </c>
      <c r="E897" s="45">
        <v>6.5</v>
      </c>
      <c r="F897" s="45">
        <v>56.5</v>
      </c>
      <c r="G897" s="45">
        <v>34.5</v>
      </c>
      <c r="H897" s="46">
        <v>2.4</v>
      </c>
    </row>
    <row r="898" spans="1:25" x14ac:dyDescent="0.2">
      <c r="B898" s="72"/>
      <c r="C898" s="38" t="s">
        <v>42</v>
      </c>
      <c r="D898" s="44">
        <v>290</v>
      </c>
      <c r="E898" s="45">
        <v>6.2</v>
      </c>
      <c r="F898" s="45">
        <v>63.4</v>
      </c>
      <c r="G898" s="45">
        <v>28.3</v>
      </c>
      <c r="H898" s="46">
        <v>2.1</v>
      </c>
    </row>
    <row r="899" spans="1:25" x14ac:dyDescent="0.2">
      <c r="B899" s="72"/>
      <c r="C899" s="38" t="s">
        <v>43</v>
      </c>
      <c r="D899" s="44">
        <v>231</v>
      </c>
      <c r="E899" s="45">
        <v>7.8</v>
      </c>
      <c r="F899" s="45">
        <v>56.3</v>
      </c>
      <c r="G899" s="45">
        <v>35.1</v>
      </c>
      <c r="H899" s="46">
        <v>0.9</v>
      </c>
    </row>
    <row r="900" spans="1:25" x14ac:dyDescent="0.2">
      <c r="B900" s="72"/>
      <c r="C900" s="38" t="s">
        <v>44</v>
      </c>
      <c r="D900" s="44">
        <v>800</v>
      </c>
      <c r="E900" s="45">
        <v>8</v>
      </c>
      <c r="F900" s="45">
        <v>57.9</v>
      </c>
      <c r="G900" s="45">
        <v>31</v>
      </c>
      <c r="H900" s="46">
        <v>3.1</v>
      </c>
    </row>
    <row r="901" spans="1:25" x14ac:dyDescent="0.2">
      <c r="B901" s="72"/>
      <c r="C901" s="38" t="s">
        <v>45</v>
      </c>
      <c r="D901" s="44">
        <v>240</v>
      </c>
      <c r="E901" s="45">
        <v>9.1999999999999993</v>
      </c>
      <c r="F901" s="45">
        <v>57.1</v>
      </c>
      <c r="G901" s="45">
        <v>32.9</v>
      </c>
      <c r="H901" s="46">
        <v>0.8</v>
      </c>
    </row>
    <row r="902" spans="1:25" x14ac:dyDescent="0.2">
      <c r="B902" s="72"/>
      <c r="C902" s="38" t="s">
        <v>46</v>
      </c>
      <c r="D902" s="44">
        <v>117</v>
      </c>
      <c r="E902" s="45">
        <v>12</v>
      </c>
      <c r="F902" s="45">
        <v>59</v>
      </c>
      <c r="G902" s="45">
        <v>26.5</v>
      </c>
      <c r="H902" s="46">
        <v>2.6</v>
      </c>
    </row>
    <row r="903" spans="1:25" x14ac:dyDescent="0.2">
      <c r="B903" s="72"/>
      <c r="C903" s="38" t="s">
        <v>47</v>
      </c>
      <c r="D903" s="44">
        <v>461</v>
      </c>
      <c r="E903" s="45">
        <v>9.8000000000000007</v>
      </c>
      <c r="F903" s="45">
        <v>57</v>
      </c>
      <c r="G903" s="45">
        <v>29.7</v>
      </c>
      <c r="H903" s="46">
        <v>3.5</v>
      </c>
    </row>
    <row r="904" spans="1:25" ht="21.6" x14ac:dyDescent="0.2">
      <c r="B904" s="72"/>
      <c r="C904" s="39" t="s">
        <v>48</v>
      </c>
      <c r="D904" s="47">
        <v>2307</v>
      </c>
      <c r="E904" s="48">
        <v>8.3000000000000007</v>
      </c>
      <c r="F904" s="48">
        <v>58.1</v>
      </c>
      <c r="G904" s="48">
        <v>31</v>
      </c>
      <c r="H904" s="49">
        <v>2.5</v>
      </c>
    </row>
    <row r="906" spans="1:25" x14ac:dyDescent="0.2">
      <c r="A906" s="26" t="s">
        <v>25</v>
      </c>
      <c r="B906" t="s">
        <v>35</v>
      </c>
      <c r="C906" t="s">
        <v>35</v>
      </c>
    </row>
    <row r="907" spans="1:25" x14ac:dyDescent="0.2">
      <c r="B907" s="70" t="s">
        <v>127</v>
      </c>
      <c r="C907" s="71"/>
      <c r="D907" s="71"/>
      <c r="E907" s="71"/>
      <c r="F907" s="71"/>
      <c r="G907" s="71"/>
      <c r="H907" s="71"/>
      <c r="I907" s="71"/>
      <c r="J907" s="71"/>
      <c r="K907" s="71"/>
      <c r="L907" s="71"/>
      <c r="M907" s="71"/>
      <c r="N907" s="71"/>
      <c r="O907" s="71"/>
      <c r="P907" s="71"/>
      <c r="Q907" s="71"/>
      <c r="R907" s="71"/>
      <c r="S907" s="71"/>
      <c r="T907" s="71"/>
      <c r="U907" s="71"/>
      <c r="V907" s="71"/>
      <c r="W907" s="71"/>
      <c r="X907" s="71"/>
      <c r="Y907" s="71"/>
    </row>
    <row r="908" spans="1:25" s="32" customFormat="1" ht="47.25" customHeight="1" x14ac:dyDescent="0.15">
      <c r="A908" s="31"/>
      <c r="D908" s="33" t="s">
        <v>341</v>
      </c>
      <c r="E908" s="36" t="s">
        <v>490</v>
      </c>
      <c r="F908" s="51" t="s">
        <v>491</v>
      </c>
      <c r="G908" s="51" t="s">
        <v>484</v>
      </c>
      <c r="H908" s="51" t="s">
        <v>492</v>
      </c>
      <c r="I908" s="51" t="s">
        <v>493</v>
      </c>
      <c r="J908" s="51" t="s">
        <v>443</v>
      </c>
      <c r="K908" s="52" t="s">
        <v>350</v>
      </c>
      <c r="L908" s="53" t="s">
        <v>351</v>
      </c>
      <c r="M908" s="50" t="s">
        <v>344</v>
      </c>
    </row>
    <row r="909" spans="1:25" x14ac:dyDescent="0.2">
      <c r="B909" s="5"/>
      <c r="C909" s="40" t="s">
        <v>38</v>
      </c>
      <c r="D909" s="41">
        <v>4307</v>
      </c>
      <c r="E909" s="42">
        <v>1.3</v>
      </c>
      <c r="F909" s="42">
        <v>9.6999999999999993</v>
      </c>
      <c r="G909" s="42">
        <v>55.7</v>
      </c>
      <c r="H909" s="42">
        <v>19</v>
      </c>
      <c r="I909" s="42">
        <v>6.5</v>
      </c>
      <c r="J909" s="42">
        <v>7.9</v>
      </c>
      <c r="K909" s="42">
        <v>-10.7</v>
      </c>
      <c r="L909" s="54">
        <v>0</v>
      </c>
    </row>
    <row r="910" spans="1:25" x14ac:dyDescent="0.2">
      <c r="B910" s="72" t="s">
        <v>37</v>
      </c>
      <c r="C910" s="38" t="s">
        <v>39</v>
      </c>
      <c r="D910" s="44">
        <v>1325</v>
      </c>
      <c r="E910" s="45">
        <v>1.5</v>
      </c>
      <c r="F910" s="45">
        <v>11.2</v>
      </c>
      <c r="G910" s="45">
        <v>56.2</v>
      </c>
      <c r="H910" s="45">
        <v>17.100000000000001</v>
      </c>
      <c r="I910" s="45">
        <v>6.3</v>
      </c>
      <c r="J910" s="45">
        <v>7.7</v>
      </c>
      <c r="K910" s="45">
        <v>-8.3000000000000007</v>
      </c>
      <c r="L910" s="55">
        <v>0</v>
      </c>
    </row>
    <row r="911" spans="1:25" x14ac:dyDescent="0.2">
      <c r="B911" s="72"/>
      <c r="C911" s="38" t="s">
        <v>40</v>
      </c>
      <c r="D911" s="44">
        <v>675</v>
      </c>
      <c r="E911" s="45">
        <v>1.3</v>
      </c>
      <c r="F911" s="45">
        <v>8</v>
      </c>
      <c r="G911" s="45">
        <v>56.6</v>
      </c>
      <c r="H911" s="45">
        <v>19.600000000000001</v>
      </c>
      <c r="I911" s="45">
        <v>7.1</v>
      </c>
      <c r="J911" s="45">
        <v>7.4</v>
      </c>
      <c r="K911" s="45">
        <v>-12.5</v>
      </c>
      <c r="L911" s="55">
        <v>0</v>
      </c>
    </row>
    <row r="912" spans="1:25" x14ac:dyDescent="0.2">
      <c r="B912" s="72"/>
      <c r="C912" s="38" t="s">
        <v>41</v>
      </c>
      <c r="D912" s="44">
        <v>168</v>
      </c>
      <c r="E912" s="45">
        <v>0</v>
      </c>
      <c r="F912" s="45">
        <v>7.7</v>
      </c>
      <c r="G912" s="45">
        <v>61.3</v>
      </c>
      <c r="H912" s="45">
        <v>19</v>
      </c>
      <c r="I912" s="45">
        <v>6</v>
      </c>
      <c r="J912" s="45">
        <v>6</v>
      </c>
      <c r="K912" s="45">
        <v>-12.3</v>
      </c>
      <c r="L912" s="55">
        <v>0</v>
      </c>
    </row>
    <row r="913" spans="1:25" x14ac:dyDescent="0.2">
      <c r="B913" s="72"/>
      <c r="C913" s="38" t="s">
        <v>42</v>
      </c>
      <c r="D913" s="44">
        <v>290</v>
      </c>
      <c r="E913" s="45">
        <v>1</v>
      </c>
      <c r="F913" s="45">
        <v>11.4</v>
      </c>
      <c r="G913" s="45">
        <v>55.2</v>
      </c>
      <c r="H913" s="45">
        <v>17.899999999999999</v>
      </c>
      <c r="I913" s="45">
        <v>5.2</v>
      </c>
      <c r="J913" s="45">
        <v>9.3000000000000007</v>
      </c>
      <c r="K913" s="45">
        <v>-8.1999999999999993</v>
      </c>
      <c r="L913" s="55">
        <v>0</v>
      </c>
    </row>
    <row r="914" spans="1:25" x14ac:dyDescent="0.2">
      <c r="B914" s="72"/>
      <c r="C914" s="38" t="s">
        <v>43</v>
      </c>
      <c r="D914" s="44">
        <v>231</v>
      </c>
      <c r="E914" s="45">
        <v>0</v>
      </c>
      <c r="F914" s="45">
        <v>11.3</v>
      </c>
      <c r="G914" s="45">
        <v>52.8</v>
      </c>
      <c r="H914" s="45">
        <v>22.9</v>
      </c>
      <c r="I914" s="45">
        <v>7.8</v>
      </c>
      <c r="J914" s="45">
        <v>5.2</v>
      </c>
      <c r="K914" s="45">
        <v>-14.4</v>
      </c>
      <c r="L914" s="55">
        <v>0</v>
      </c>
    </row>
    <row r="915" spans="1:25" x14ac:dyDescent="0.2">
      <c r="B915" s="72"/>
      <c r="C915" s="38" t="s">
        <v>44</v>
      </c>
      <c r="D915" s="44">
        <v>800</v>
      </c>
      <c r="E915" s="45">
        <v>1.3</v>
      </c>
      <c r="F915" s="45">
        <v>7.9</v>
      </c>
      <c r="G915" s="45">
        <v>56.5</v>
      </c>
      <c r="H915" s="45">
        <v>20.100000000000001</v>
      </c>
      <c r="I915" s="45">
        <v>5.9</v>
      </c>
      <c r="J915" s="45">
        <v>8.4</v>
      </c>
      <c r="K915" s="45">
        <v>-11.7</v>
      </c>
      <c r="L915" s="55">
        <v>0</v>
      </c>
    </row>
    <row r="916" spans="1:25" x14ac:dyDescent="0.2">
      <c r="B916" s="72"/>
      <c r="C916" s="38" t="s">
        <v>45</v>
      </c>
      <c r="D916" s="44">
        <v>240</v>
      </c>
      <c r="E916" s="45">
        <v>2.5</v>
      </c>
      <c r="F916" s="45">
        <v>8.8000000000000007</v>
      </c>
      <c r="G916" s="45">
        <v>50.4</v>
      </c>
      <c r="H916" s="45">
        <v>21.3</v>
      </c>
      <c r="I916" s="45">
        <v>9.6</v>
      </c>
      <c r="J916" s="45">
        <v>7.5</v>
      </c>
      <c r="K916" s="45">
        <v>-14.4</v>
      </c>
      <c r="L916" s="55">
        <v>0</v>
      </c>
    </row>
    <row r="917" spans="1:25" x14ac:dyDescent="0.2">
      <c r="B917" s="72"/>
      <c r="C917" s="38" t="s">
        <v>46</v>
      </c>
      <c r="D917" s="44">
        <v>117</v>
      </c>
      <c r="E917" s="45">
        <v>0</v>
      </c>
      <c r="F917" s="45">
        <v>13.7</v>
      </c>
      <c r="G917" s="45">
        <v>56.4</v>
      </c>
      <c r="H917" s="45">
        <v>18.8</v>
      </c>
      <c r="I917" s="45">
        <v>4.3</v>
      </c>
      <c r="J917" s="45">
        <v>6.8</v>
      </c>
      <c r="K917" s="45">
        <v>-7.3</v>
      </c>
      <c r="L917" s="55">
        <v>0</v>
      </c>
    </row>
    <row r="918" spans="1:25" x14ac:dyDescent="0.2">
      <c r="B918" s="72"/>
      <c r="C918" s="38" t="s">
        <v>47</v>
      </c>
      <c r="D918" s="44">
        <v>461</v>
      </c>
      <c r="E918" s="45">
        <v>1.3</v>
      </c>
      <c r="F918" s="45">
        <v>8.9</v>
      </c>
      <c r="G918" s="45">
        <v>54.2</v>
      </c>
      <c r="H918" s="45">
        <v>19.100000000000001</v>
      </c>
      <c r="I918" s="45">
        <v>6.5</v>
      </c>
      <c r="J918" s="45">
        <v>10</v>
      </c>
      <c r="K918" s="45">
        <v>-11.4</v>
      </c>
      <c r="L918" s="55">
        <v>0</v>
      </c>
    </row>
    <row r="919" spans="1:25" ht="21.6" x14ac:dyDescent="0.2">
      <c r="B919" s="72"/>
      <c r="C919" s="39" t="s">
        <v>48</v>
      </c>
      <c r="D919" s="47">
        <v>2307</v>
      </c>
      <c r="E919" s="48">
        <v>1.1000000000000001</v>
      </c>
      <c r="F919" s="48">
        <v>9.1999999999999993</v>
      </c>
      <c r="G919" s="48">
        <v>55.2</v>
      </c>
      <c r="H919" s="48">
        <v>19.899999999999999</v>
      </c>
      <c r="I919" s="48">
        <v>6.4</v>
      </c>
      <c r="J919" s="48">
        <v>8.1</v>
      </c>
      <c r="K919" s="48">
        <v>-11.6</v>
      </c>
      <c r="L919" s="56">
        <v>0</v>
      </c>
    </row>
    <row r="920" spans="1:25" x14ac:dyDescent="0.2">
      <c r="B920" s="7" t="s">
        <v>49</v>
      </c>
      <c r="C920" s="4" t="s">
        <v>128</v>
      </c>
    </row>
    <row r="921" spans="1:25" x14ac:dyDescent="0.2">
      <c r="B921" s="4"/>
      <c r="C921" s="4" t="s">
        <v>51</v>
      </c>
    </row>
    <row r="923" spans="1:25" x14ac:dyDescent="0.2">
      <c r="A923" s="26" t="s">
        <v>25</v>
      </c>
      <c r="B923" t="s">
        <v>35</v>
      </c>
      <c r="C923" t="s">
        <v>35</v>
      </c>
    </row>
    <row r="924" spans="1:25" x14ac:dyDescent="0.2">
      <c r="B924" s="70" t="s">
        <v>129</v>
      </c>
      <c r="C924" s="71"/>
      <c r="D924" s="71"/>
      <c r="E924" s="71"/>
      <c r="F924" s="71"/>
      <c r="G924" s="71"/>
      <c r="H924" s="71"/>
      <c r="I924" s="71"/>
      <c r="J924" s="71"/>
      <c r="K924" s="71"/>
      <c r="L924" s="71"/>
      <c r="M924" s="71"/>
      <c r="N924" s="71"/>
      <c r="O924" s="71"/>
      <c r="P924" s="71"/>
      <c r="Q924" s="71"/>
      <c r="R924" s="71"/>
      <c r="S924" s="71"/>
      <c r="T924" s="71"/>
      <c r="U924" s="71"/>
      <c r="V924" s="71"/>
      <c r="W924" s="71"/>
      <c r="X924" s="71"/>
      <c r="Y924" s="71"/>
    </row>
    <row r="925" spans="1:25" s="32" customFormat="1" ht="36.450000000000003" customHeight="1" x14ac:dyDescent="0.15">
      <c r="A925" s="31"/>
      <c r="D925" s="33" t="s">
        <v>341</v>
      </c>
      <c r="E925" s="36" t="s">
        <v>494</v>
      </c>
      <c r="F925" s="51" t="s">
        <v>488</v>
      </c>
      <c r="G925" s="51" t="s">
        <v>495</v>
      </c>
      <c r="H925" s="37" t="s">
        <v>443</v>
      </c>
      <c r="I925" s="35" t="s">
        <v>344</v>
      </c>
    </row>
    <row r="926" spans="1:25" x14ac:dyDescent="0.2">
      <c r="B926" s="5"/>
      <c r="C926" s="40" t="s">
        <v>38</v>
      </c>
      <c r="D926" s="41">
        <v>4307</v>
      </c>
      <c r="E926" s="42">
        <v>10.9</v>
      </c>
      <c r="F926" s="42">
        <v>55.7</v>
      </c>
      <c r="G926" s="42">
        <v>25.4</v>
      </c>
      <c r="H926" s="43">
        <v>7.9</v>
      </c>
    </row>
    <row r="927" spans="1:25" x14ac:dyDescent="0.2">
      <c r="B927" s="72" t="s">
        <v>37</v>
      </c>
      <c r="C927" s="38" t="s">
        <v>39</v>
      </c>
      <c r="D927" s="44">
        <v>1325</v>
      </c>
      <c r="E927" s="45">
        <v>12.8</v>
      </c>
      <c r="F927" s="45">
        <v>56.2</v>
      </c>
      <c r="G927" s="45">
        <v>23.3</v>
      </c>
      <c r="H927" s="46">
        <v>7.7</v>
      </c>
    </row>
    <row r="928" spans="1:25" x14ac:dyDescent="0.2">
      <c r="B928" s="72"/>
      <c r="C928" s="38" t="s">
        <v>40</v>
      </c>
      <c r="D928" s="44">
        <v>675</v>
      </c>
      <c r="E928" s="45">
        <v>9.3000000000000007</v>
      </c>
      <c r="F928" s="45">
        <v>56.6</v>
      </c>
      <c r="G928" s="45">
        <v>26.7</v>
      </c>
      <c r="H928" s="46">
        <v>7.4</v>
      </c>
    </row>
    <row r="929" spans="1:25" x14ac:dyDescent="0.2">
      <c r="B929" s="72"/>
      <c r="C929" s="38" t="s">
        <v>41</v>
      </c>
      <c r="D929" s="44">
        <v>168</v>
      </c>
      <c r="E929" s="45">
        <v>7.7</v>
      </c>
      <c r="F929" s="45">
        <v>61.3</v>
      </c>
      <c r="G929" s="45">
        <v>25</v>
      </c>
      <c r="H929" s="46">
        <v>6</v>
      </c>
    </row>
    <row r="930" spans="1:25" x14ac:dyDescent="0.2">
      <c r="B930" s="72"/>
      <c r="C930" s="38" t="s">
        <v>42</v>
      </c>
      <c r="D930" s="44">
        <v>290</v>
      </c>
      <c r="E930" s="45">
        <v>12.4</v>
      </c>
      <c r="F930" s="45">
        <v>55.2</v>
      </c>
      <c r="G930" s="45">
        <v>23.1</v>
      </c>
      <c r="H930" s="46">
        <v>9.3000000000000007</v>
      </c>
    </row>
    <row r="931" spans="1:25" x14ac:dyDescent="0.2">
      <c r="B931" s="72"/>
      <c r="C931" s="38" t="s">
        <v>43</v>
      </c>
      <c r="D931" s="44">
        <v>231</v>
      </c>
      <c r="E931" s="45">
        <v>11.3</v>
      </c>
      <c r="F931" s="45">
        <v>52.8</v>
      </c>
      <c r="G931" s="45">
        <v>30.7</v>
      </c>
      <c r="H931" s="46">
        <v>5.2</v>
      </c>
    </row>
    <row r="932" spans="1:25" x14ac:dyDescent="0.2">
      <c r="B932" s="72"/>
      <c r="C932" s="38" t="s">
        <v>44</v>
      </c>
      <c r="D932" s="44">
        <v>800</v>
      </c>
      <c r="E932" s="45">
        <v>9.1</v>
      </c>
      <c r="F932" s="45">
        <v>56.5</v>
      </c>
      <c r="G932" s="45">
        <v>26</v>
      </c>
      <c r="H932" s="46">
        <v>8.4</v>
      </c>
    </row>
    <row r="933" spans="1:25" x14ac:dyDescent="0.2">
      <c r="B933" s="72"/>
      <c r="C933" s="38" t="s">
        <v>45</v>
      </c>
      <c r="D933" s="44">
        <v>240</v>
      </c>
      <c r="E933" s="45">
        <v>11.3</v>
      </c>
      <c r="F933" s="45">
        <v>50.4</v>
      </c>
      <c r="G933" s="45">
        <v>30.8</v>
      </c>
      <c r="H933" s="46">
        <v>7.5</v>
      </c>
    </row>
    <row r="934" spans="1:25" x14ac:dyDescent="0.2">
      <c r="B934" s="72"/>
      <c r="C934" s="38" t="s">
        <v>46</v>
      </c>
      <c r="D934" s="44">
        <v>117</v>
      </c>
      <c r="E934" s="45">
        <v>13.7</v>
      </c>
      <c r="F934" s="45">
        <v>56.4</v>
      </c>
      <c r="G934" s="45">
        <v>23.1</v>
      </c>
      <c r="H934" s="46">
        <v>6.8</v>
      </c>
    </row>
    <row r="935" spans="1:25" x14ac:dyDescent="0.2">
      <c r="B935" s="72"/>
      <c r="C935" s="38" t="s">
        <v>47</v>
      </c>
      <c r="D935" s="44">
        <v>461</v>
      </c>
      <c r="E935" s="45">
        <v>10.199999999999999</v>
      </c>
      <c r="F935" s="45">
        <v>54.2</v>
      </c>
      <c r="G935" s="45">
        <v>25.6</v>
      </c>
      <c r="H935" s="46">
        <v>10</v>
      </c>
    </row>
    <row r="936" spans="1:25" ht="21.6" x14ac:dyDescent="0.2">
      <c r="B936" s="72"/>
      <c r="C936" s="39" t="s">
        <v>48</v>
      </c>
      <c r="D936" s="47">
        <v>2307</v>
      </c>
      <c r="E936" s="48">
        <v>10.3</v>
      </c>
      <c r="F936" s="48">
        <v>55.2</v>
      </c>
      <c r="G936" s="48">
        <v>26.3</v>
      </c>
      <c r="H936" s="49">
        <v>8.1</v>
      </c>
    </row>
    <row r="938" spans="1:25" x14ac:dyDescent="0.2">
      <c r="A938" s="26" t="s">
        <v>25</v>
      </c>
      <c r="B938" t="s">
        <v>35</v>
      </c>
      <c r="C938" t="s">
        <v>35</v>
      </c>
    </row>
    <row r="939" spans="1:25" x14ac:dyDescent="0.2">
      <c r="B939" s="70" t="s">
        <v>130</v>
      </c>
      <c r="C939" s="71"/>
      <c r="D939" s="71"/>
      <c r="E939" s="71"/>
      <c r="F939" s="71"/>
      <c r="G939" s="71"/>
      <c r="H939" s="71"/>
      <c r="I939" s="71"/>
      <c r="J939" s="71"/>
      <c r="K939" s="71"/>
      <c r="L939" s="71"/>
      <c r="M939" s="71"/>
      <c r="N939" s="71"/>
      <c r="O939" s="71"/>
      <c r="P939" s="71"/>
      <c r="Q939" s="71"/>
      <c r="R939" s="71"/>
      <c r="S939" s="71"/>
      <c r="T939" s="71"/>
      <c r="U939" s="71"/>
      <c r="V939" s="71"/>
      <c r="W939" s="71"/>
      <c r="X939" s="71"/>
      <c r="Y939" s="71"/>
    </row>
    <row r="940" spans="1:25" s="32" customFormat="1" ht="68.849999999999994" customHeight="1" x14ac:dyDescent="0.15">
      <c r="A940" s="31"/>
      <c r="D940" s="33" t="s">
        <v>341</v>
      </c>
      <c r="E940" s="36" t="s">
        <v>526</v>
      </c>
      <c r="F940" s="51" t="s">
        <v>527</v>
      </c>
      <c r="G940" s="51" t="s">
        <v>528</v>
      </c>
      <c r="H940" s="51" t="s">
        <v>529</v>
      </c>
      <c r="I940" s="51" t="s">
        <v>443</v>
      </c>
      <c r="J940" s="52" t="s">
        <v>350</v>
      </c>
      <c r="K940" s="53" t="s">
        <v>351</v>
      </c>
      <c r="L940" s="50" t="s">
        <v>344</v>
      </c>
    </row>
    <row r="941" spans="1:25" x14ac:dyDescent="0.2">
      <c r="B941" s="5"/>
      <c r="C941" s="40" t="s">
        <v>38</v>
      </c>
      <c r="D941" s="41">
        <v>4307</v>
      </c>
      <c r="E941" s="42">
        <v>9</v>
      </c>
      <c r="F941" s="42">
        <v>35.200000000000003</v>
      </c>
      <c r="G941" s="42">
        <v>23.3</v>
      </c>
      <c r="H941" s="42">
        <v>25</v>
      </c>
      <c r="I941" s="42">
        <v>7.5</v>
      </c>
      <c r="J941" s="42">
        <v>-10.8</v>
      </c>
      <c r="K941" s="54">
        <v>-50</v>
      </c>
    </row>
    <row r="942" spans="1:25" x14ac:dyDescent="0.2">
      <c r="B942" s="72" t="s">
        <v>37</v>
      </c>
      <c r="C942" s="38" t="s">
        <v>39</v>
      </c>
      <c r="D942" s="44">
        <v>1325</v>
      </c>
      <c r="E942" s="45">
        <v>9.8000000000000007</v>
      </c>
      <c r="F942" s="45">
        <v>34.6</v>
      </c>
      <c r="G942" s="45">
        <v>23.6</v>
      </c>
      <c r="H942" s="45">
        <v>24.9</v>
      </c>
      <c r="I942" s="45">
        <v>7</v>
      </c>
      <c r="J942" s="45">
        <v>-10.3</v>
      </c>
      <c r="K942" s="55">
        <v>-50</v>
      </c>
    </row>
    <row r="943" spans="1:25" x14ac:dyDescent="0.2">
      <c r="B943" s="72"/>
      <c r="C943" s="38" t="s">
        <v>40</v>
      </c>
      <c r="D943" s="44">
        <v>675</v>
      </c>
      <c r="E943" s="45">
        <v>8.6999999999999993</v>
      </c>
      <c r="F943" s="45">
        <v>34.1</v>
      </c>
      <c r="G943" s="45">
        <v>21.8</v>
      </c>
      <c r="H943" s="45">
        <v>27</v>
      </c>
      <c r="I943" s="45">
        <v>8.4</v>
      </c>
      <c r="J943" s="45">
        <v>-13.2</v>
      </c>
      <c r="K943" s="55">
        <v>-50</v>
      </c>
    </row>
    <row r="944" spans="1:25" x14ac:dyDescent="0.2">
      <c r="B944" s="72"/>
      <c r="C944" s="38" t="s">
        <v>41</v>
      </c>
      <c r="D944" s="44">
        <v>168</v>
      </c>
      <c r="E944" s="45">
        <v>9.5</v>
      </c>
      <c r="F944" s="45">
        <v>32.700000000000003</v>
      </c>
      <c r="G944" s="45">
        <v>28.6</v>
      </c>
      <c r="H944" s="45">
        <v>22.6</v>
      </c>
      <c r="I944" s="45">
        <v>6.5</v>
      </c>
      <c r="J944" s="45">
        <v>-11.8</v>
      </c>
      <c r="K944" s="55">
        <v>-50</v>
      </c>
    </row>
    <row r="945" spans="1:25" x14ac:dyDescent="0.2">
      <c r="B945" s="72"/>
      <c r="C945" s="38" t="s">
        <v>42</v>
      </c>
      <c r="D945" s="44">
        <v>290</v>
      </c>
      <c r="E945" s="45">
        <v>7.2</v>
      </c>
      <c r="F945" s="45">
        <v>38.6</v>
      </c>
      <c r="G945" s="45">
        <v>24.5</v>
      </c>
      <c r="H945" s="45">
        <v>21.4</v>
      </c>
      <c r="I945" s="45">
        <v>8.3000000000000007</v>
      </c>
      <c r="J945" s="45">
        <v>-7.7</v>
      </c>
      <c r="K945" s="55">
        <v>0</v>
      </c>
    </row>
    <row r="946" spans="1:25" x14ac:dyDescent="0.2">
      <c r="B946" s="72"/>
      <c r="C946" s="38" t="s">
        <v>43</v>
      </c>
      <c r="D946" s="44">
        <v>231</v>
      </c>
      <c r="E946" s="45">
        <v>11.3</v>
      </c>
      <c r="F946" s="45">
        <v>32.9</v>
      </c>
      <c r="G946" s="45">
        <v>22.9</v>
      </c>
      <c r="H946" s="45">
        <v>27.3</v>
      </c>
      <c r="I946" s="45">
        <v>5.6</v>
      </c>
      <c r="J946" s="45">
        <v>-11.7</v>
      </c>
      <c r="K946" s="55">
        <v>-50</v>
      </c>
    </row>
    <row r="947" spans="1:25" x14ac:dyDescent="0.2">
      <c r="B947" s="72"/>
      <c r="C947" s="38" t="s">
        <v>44</v>
      </c>
      <c r="D947" s="44">
        <v>800</v>
      </c>
      <c r="E947" s="45">
        <v>6.8</v>
      </c>
      <c r="F947" s="45">
        <v>37.299999999999997</v>
      </c>
      <c r="G947" s="45">
        <v>23.5</v>
      </c>
      <c r="H947" s="45">
        <v>24.5</v>
      </c>
      <c r="I947" s="45">
        <v>8</v>
      </c>
      <c r="J947" s="45">
        <v>-11.8</v>
      </c>
      <c r="K947" s="55">
        <v>-50</v>
      </c>
    </row>
    <row r="948" spans="1:25" x14ac:dyDescent="0.2">
      <c r="B948" s="72"/>
      <c r="C948" s="38" t="s">
        <v>45</v>
      </c>
      <c r="D948" s="44">
        <v>240</v>
      </c>
      <c r="E948" s="45">
        <v>7.9</v>
      </c>
      <c r="F948" s="45">
        <v>34.6</v>
      </c>
      <c r="G948" s="45">
        <v>26.3</v>
      </c>
      <c r="H948" s="45">
        <v>23.8</v>
      </c>
      <c r="I948" s="45">
        <v>7.5</v>
      </c>
      <c r="J948" s="45">
        <v>-12.6</v>
      </c>
      <c r="K948" s="55">
        <v>-50</v>
      </c>
    </row>
    <row r="949" spans="1:25" x14ac:dyDescent="0.2">
      <c r="B949" s="72"/>
      <c r="C949" s="38" t="s">
        <v>46</v>
      </c>
      <c r="D949" s="44">
        <v>117</v>
      </c>
      <c r="E949" s="45">
        <v>7.7</v>
      </c>
      <c r="F949" s="45">
        <v>42.7</v>
      </c>
      <c r="G949" s="45">
        <v>23.1</v>
      </c>
      <c r="H949" s="45">
        <v>21.4</v>
      </c>
      <c r="I949" s="45">
        <v>5.0999999999999996</v>
      </c>
      <c r="J949" s="45">
        <v>-4.0999999999999996</v>
      </c>
      <c r="K949" s="55">
        <v>50</v>
      </c>
    </row>
    <row r="950" spans="1:25" x14ac:dyDescent="0.2">
      <c r="B950" s="72"/>
      <c r="C950" s="38" t="s">
        <v>47</v>
      </c>
      <c r="D950" s="44">
        <v>461</v>
      </c>
      <c r="E950" s="45">
        <v>11.9</v>
      </c>
      <c r="F950" s="45">
        <v>32.799999999999997</v>
      </c>
      <c r="G950" s="45">
        <v>20.399999999999999</v>
      </c>
      <c r="H950" s="45">
        <v>26.7</v>
      </c>
      <c r="I950" s="45">
        <v>8.1999999999999993</v>
      </c>
      <c r="J950" s="45">
        <v>-9.3000000000000007</v>
      </c>
      <c r="K950" s="55">
        <v>-50</v>
      </c>
    </row>
    <row r="951" spans="1:25" ht="21.6" x14ac:dyDescent="0.2">
      <c r="B951" s="72"/>
      <c r="C951" s="39" t="s">
        <v>48</v>
      </c>
      <c r="D951" s="47">
        <v>2307</v>
      </c>
      <c r="E951" s="48">
        <v>8.6999999999999993</v>
      </c>
      <c r="F951" s="48">
        <v>35.799999999999997</v>
      </c>
      <c r="G951" s="48">
        <v>23.6</v>
      </c>
      <c r="H951" s="48">
        <v>24.4</v>
      </c>
      <c r="I951" s="48">
        <v>7.5</v>
      </c>
      <c r="J951" s="48">
        <v>-10.5</v>
      </c>
      <c r="K951" s="56">
        <v>-50</v>
      </c>
    </row>
    <row r="952" spans="1:25" x14ac:dyDescent="0.2">
      <c r="B952" s="7" t="s">
        <v>49</v>
      </c>
      <c r="C952" s="4" t="s">
        <v>131</v>
      </c>
    </row>
    <row r="953" spans="1:25" x14ac:dyDescent="0.2">
      <c r="B953" s="4"/>
      <c r="C953" s="4" t="s">
        <v>51</v>
      </c>
    </row>
    <row r="955" spans="1:25" x14ac:dyDescent="0.2">
      <c r="A955" s="26" t="s">
        <v>25</v>
      </c>
      <c r="B955" t="s">
        <v>35</v>
      </c>
      <c r="C955" t="s">
        <v>35</v>
      </c>
    </row>
    <row r="956" spans="1:25" x14ac:dyDescent="0.2">
      <c r="B956" s="70" t="s">
        <v>132</v>
      </c>
      <c r="C956" s="71"/>
      <c r="D956" s="71"/>
      <c r="E956" s="71"/>
      <c r="F956" s="71"/>
      <c r="G956" s="71"/>
      <c r="H956" s="71"/>
      <c r="I956" s="71"/>
      <c r="J956" s="71"/>
      <c r="K956" s="71"/>
      <c r="L956" s="71"/>
      <c r="M956" s="71"/>
      <c r="N956" s="71"/>
      <c r="O956" s="71"/>
      <c r="P956" s="71"/>
      <c r="Q956" s="71"/>
      <c r="R956" s="71"/>
      <c r="S956" s="71"/>
      <c r="T956" s="71"/>
      <c r="U956" s="71"/>
      <c r="V956" s="71"/>
      <c r="W956" s="71"/>
      <c r="X956" s="71"/>
      <c r="Y956" s="71"/>
    </row>
    <row r="957" spans="1:25" s="32" customFormat="1" ht="68.849999999999994" customHeight="1" x14ac:dyDescent="0.15">
      <c r="A957" s="31"/>
      <c r="D957" s="33" t="s">
        <v>341</v>
      </c>
      <c r="E957" s="36" t="s">
        <v>526</v>
      </c>
      <c r="F957" s="51" t="s">
        <v>527</v>
      </c>
      <c r="G957" s="51" t="s">
        <v>528</v>
      </c>
      <c r="H957" s="51" t="s">
        <v>529</v>
      </c>
      <c r="I957" s="51" t="s">
        <v>443</v>
      </c>
      <c r="J957" s="52" t="s">
        <v>350</v>
      </c>
      <c r="K957" s="53" t="s">
        <v>351</v>
      </c>
      <c r="L957" s="50" t="s">
        <v>344</v>
      </c>
    </row>
    <row r="958" spans="1:25" x14ac:dyDescent="0.2">
      <c r="B958" s="5"/>
      <c r="C958" s="40" t="s">
        <v>38</v>
      </c>
      <c r="D958" s="41">
        <v>4307</v>
      </c>
      <c r="E958" s="42">
        <v>6.9</v>
      </c>
      <c r="F958" s="42">
        <v>34.299999999999997</v>
      </c>
      <c r="G958" s="42">
        <v>27.1</v>
      </c>
      <c r="H958" s="42">
        <v>20.8</v>
      </c>
      <c r="I958" s="42">
        <v>10.9</v>
      </c>
      <c r="J958" s="42">
        <v>-11.6</v>
      </c>
      <c r="K958" s="54">
        <v>-50</v>
      </c>
    </row>
    <row r="959" spans="1:25" x14ac:dyDescent="0.2">
      <c r="B959" s="72" t="s">
        <v>37</v>
      </c>
      <c r="C959" s="38" t="s">
        <v>39</v>
      </c>
      <c r="D959" s="44">
        <v>1325</v>
      </c>
      <c r="E959" s="45">
        <v>7.1</v>
      </c>
      <c r="F959" s="45">
        <v>34.799999999999997</v>
      </c>
      <c r="G959" s="45">
        <v>26.9</v>
      </c>
      <c r="H959" s="45">
        <v>21.4</v>
      </c>
      <c r="I959" s="45">
        <v>9.6999999999999993</v>
      </c>
      <c r="J959" s="45">
        <v>-11.5</v>
      </c>
      <c r="K959" s="55">
        <v>-50</v>
      </c>
    </row>
    <row r="960" spans="1:25" x14ac:dyDescent="0.2">
      <c r="B960" s="72"/>
      <c r="C960" s="38" t="s">
        <v>40</v>
      </c>
      <c r="D960" s="44">
        <v>675</v>
      </c>
      <c r="E960" s="45">
        <v>7.9</v>
      </c>
      <c r="F960" s="45">
        <v>29.2</v>
      </c>
      <c r="G960" s="45">
        <v>28.7</v>
      </c>
      <c r="H960" s="45">
        <v>22.4</v>
      </c>
      <c r="I960" s="45">
        <v>11.9</v>
      </c>
      <c r="J960" s="45">
        <v>-16.2</v>
      </c>
      <c r="K960" s="55">
        <v>-50</v>
      </c>
    </row>
    <row r="961" spans="1:25" x14ac:dyDescent="0.2">
      <c r="B961" s="72"/>
      <c r="C961" s="38" t="s">
        <v>41</v>
      </c>
      <c r="D961" s="44">
        <v>168</v>
      </c>
      <c r="E961" s="45">
        <v>6.5</v>
      </c>
      <c r="F961" s="45">
        <v>41.1</v>
      </c>
      <c r="G961" s="45">
        <v>23.8</v>
      </c>
      <c r="H961" s="45">
        <v>18.5</v>
      </c>
      <c r="I961" s="45">
        <v>10.1</v>
      </c>
      <c r="J961" s="45">
        <v>-3.6</v>
      </c>
      <c r="K961" s="55">
        <v>50</v>
      </c>
    </row>
    <row r="962" spans="1:25" x14ac:dyDescent="0.2">
      <c r="B962" s="72"/>
      <c r="C962" s="38" t="s">
        <v>42</v>
      </c>
      <c r="D962" s="44">
        <v>290</v>
      </c>
      <c r="E962" s="45">
        <v>5.2</v>
      </c>
      <c r="F962" s="45">
        <v>32.799999999999997</v>
      </c>
      <c r="G962" s="45">
        <v>29.3</v>
      </c>
      <c r="H962" s="45">
        <v>19.3</v>
      </c>
      <c r="I962" s="45">
        <v>13.4</v>
      </c>
      <c r="J962" s="45">
        <v>-14.3</v>
      </c>
      <c r="K962" s="55">
        <v>-50</v>
      </c>
    </row>
    <row r="963" spans="1:25" x14ac:dyDescent="0.2">
      <c r="B963" s="72"/>
      <c r="C963" s="38" t="s">
        <v>43</v>
      </c>
      <c r="D963" s="44">
        <v>231</v>
      </c>
      <c r="E963" s="45">
        <v>8.1999999999999993</v>
      </c>
      <c r="F963" s="45">
        <v>35.5</v>
      </c>
      <c r="G963" s="45">
        <v>25.5</v>
      </c>
      <c r="H963" s="45">
        <v>22.1</v>
      </c>
      <c r="I963" s="45">
        <v>8.6999999999999993</v>
      </c>
      <c r="J963" s="45">
        <v>-9.6999999999999993</v>
      </c>
      <c r="K963" s="55">
        <v>-50</v>
      </c>
    </row>
    <row r="964" spans="1:25" x14ac:dyDescent="0.2">
      <c r="B964" s="72"/>
      <c r="C964" s="38" t="s">
        <v>44</v>
      </c>
      <c r="D964" s="44">
        <v>800</v>
      </c>
      <c r="E964" s="45">
        <v>5.9</v>
      </c>
      <c r="F964" s="45">
        <v>34.799999999999997</v>
      </c>
      <c r="G964" s="45">
        <v>26.4</v>
      </c>
      <c r="H964" s="45">
        <v>21.3</v>
      </c>
      <c r="I964" s="45">
        <v>11.8</v>
      </c>
      <c r="J964" s="45">
        <v>-12.7</v>
      </c>
      <c r="K964" s="55">
        <v>-50</v>
      </c>
    </row>
    <row r="965" spans="1:25" x14ac:dyDescent="0.2">
      <c r="B965" s="72"/>
      <c r="C965" s="38" t="s">
        <v>45</v>
      </c>
      <c r="D965" s="44">
        <v>240</v>
      </c>
      <c r="E965" s="45">
        <v>6.3</v>
      </c>
      <c r="F965" s="45">
        <v>34.6</v>
      </c>
      <c r="G965" s="45">
        <v>26.3</v>
      </c>
      <c r="H965" s="45">
        <v>19.2</v>
      </c>
      <c r="I965" s="45">
        <v>13.8</v>
      </c>
      <c r="J965" s="45">
        <v>-10.1</v>
      </c>
      <c r="K965" s="55">
        <v>-50</v>
      </c>
    </row>
    <row r="966" spans="1:25" x14ac:dyDescent="0.2">
      <c r="B966" s="72"/>
      <c r="C966" s="38" t="s">
        <v>46</v>
      </c>
      <c r="D966" s="44">
        <v>117</v>
      </c>
      <c r="E966" s="45">
        <v>6.8</v>
      </c>
      <c r="F966" s="45">
        <v>41.9</v>
      </c>
      <c r="G966" s="45">
        <v>24.8</v>
      </c>
      <c r="H966" s="45">
        <v>18.8</v>
      </c>
      <c r="I966" s="45">
        <v>7.7</v>
      </c>
      <c r="J966" s="45">
        <v>-3.7</v>
      </c>
      <c r="K966" s="55">
        <v>50</v>
      </c>
    </row>
    <row r="967" spans="1:25" x14ac:dyDescent="0.2">
      <c r="B967" s="72"/>
      <c r="C967" s="38" t="s">
        <v>47</v>
      </c>
      <c r="D967" s="44">
        <v>461</v>
      </c>
      <c r="E967" s="45">
        <v>7.6</v>
      </c>
      <c r="F967" s="45">
        <v>35.1</v>
      </c>
      <c r="G967" s="45">
        <v>28</v>
      </c>
      <c r="H967" s="45">
        <v>18.399999999999999</v>
      </c>
      <c r="I967" s="45">
        <v>10.8</v>
      </c>
      <c r="J967" s="45">
        <v>-8.1999999999999993</v>
      </c>
      <c r="K967" s="55">
        <v>-50</v>
      </c>
    </row>
    <row r="968" spans="1:25" ht="21.6" x14ac:dyDescent="0.2">
      <c r="B968" s="72"/>
      <c r="C968" s="39" t="s">
        <v>48</v>
      </c>
      <c r="D968" s="47">
        <v>2307</v>
      </c>
      <c r="E968" s="48">
        <v>6.5</v>
      </c>
      <c r="F968" s="48">
        <v>35.5</v>
      </c>
      <c r="G968" s="48">
        <v>26.7</v>
      </c>
      <c r="H968" s="48">
        <v>20</v>
      </c>
      <c r="I968" s="48">
        <v>11.4</v>
      </c>
      <c r="J968" s="48">
        <v>-10.3</v>
      </c>
      <c r="K968" s="56">
        <v>-50</v>
      </c>
    </row>
    <row r="969" spans="1:25" x14ac:dyDescent="0.2">
      <c r="B969" s="7" t="s">
        <v>49</v>
      </c>
      <c r="C969" s="4" t="s">
        <v>133</v>
      </c>
    </row>
    <row r="970" spans="1:25" x14ac:dyDescent="0.2">
      <c r="B970" s="4"/>
      <c r="C970" s="4" t="s">
        <v>51</v>
      </c>
    </row>
    <row r="972" spans="1:25" x14ac:dyDescent="0.2">
      <c r="A972" s="26" t="s">
        <v>25</v>
      </c>
      <c r="B972" t="s">
        <v>35</v>
      </c>
      <c r="C972" t="s">
        <v>35</v>
      </c>
    </row>
    <row r="973" spans="1:25" x14ac:dyDescent="0.2">
      <c r="B973" s="70" t="s">
        <v>134</v>
      </c>
      <c r="C973" s="71"/>
      <c r="D973" s="71"/>
      <c r="E973" s="71"/>
      <c r="F973" s="71"/>
      <c r="G973" s="71"/>
      <c r="H973" s="71"/>
      <c r="I973" s="71"/>
      <c r="J973" s="71"/>
      <c r="K973" s="71"/>
      <c r="L973" s="71"/>
      <c r="M973" s="71"/>
      <c r="N973" s="71"/>
      <c r="O973" s="71"/>
      <c r="P973" s="71"/>
      <c r="Q973" s="71"/>
      <c r="R973" s="71"/>
      <c r="S973" s="71"/>
      <c r="T973" s="71"/>
      <c r="U973" s="71"/>
      <c r="V973" s="71"/>
      <c r="W973" s="71"/>
      <c r="X973" s="71"/>
      <c r="Y973" s="71"/>
    </row>
    <row r="974" spans="1:25" s="32" customFormat="1" ht="68.849999999999994" customHeight="1" x14ac:dyDescent="0.15">
      <c r="A974" s="31"/>
      <c r="D974" s="33" t="s">
        <v>341</v>
      </c>
      <c r="E974" s="36" t="s">
        <v>526</v>
      </c>
      <c r="F974" s="51" t="s">
        <v>527</v>
      </c>
      <c r="G974" s="51" t="s">
        <v>528</v>
      </c>
      <c r="H974" s="51" t="s">
        <v>529</v>
      </c>
      <c r="I974" s="51" t="s">
        <v>443</v>
      </c>
      <c r="J974" s="52" t="s">
        <v>350</v>
      </c>
      <c r="K974" s="53" t="s">
        <v>351</v>
      </c>
      <c r="L974" s="50" t="s">
        <v>344</v>
      </c>
    </row>
    <row r="975" spans="1:25" x14ac:dyDescent="0.2">
      <c r="B975" s="5"/>
      <c r="C975" s="40" t="s">
        <v>38</v>
      </c>
      <c r="D975" s="41">
        <v>4307</v>
      </c>
      <c r="E975" s="42">
        <v>4.4000000000000004</v>
      </c>
      <c r="F975" s="42">
        <v>24.7</v>
      </c>
      <c r="G975" s="42">
        <v>29.2</v>
      </c>
      <c r="H975" s="42">
        <v>31.7</v>
      </c>
      <c r="I975" s="42">
        <v>10</v>
      </c>
      <c r="J975" s="42">
        <v>-32.799999999999997</v>
      </c>
      <c r="K975" s="54">
        <v>-50</v>
      </c>
    </row>
    <row r="976" spans="1:25" x14ac:dyDescent="0.2">
      <c r="B976" s="72" t="s">
        <v>37</v>
      </c>
      <c r="C976" s="38" t="s">
        <v>39</v>
      </c>
      <c r="D976" s="44">
        <v>1325</v>
      </c>
      <c r="E976" s="45">
        <v>4.9000000000000004</v>
      </c>
      <c r="F976" s="45">
        <v>26.3</v>
      </c>
      <c r="G976" s="45">
        <v>30</v>
      </c>
      <c r="H976" s="45">
        <v>30.5</v>
      </c>
      <c r="I976" s="45">
        <v>8.4</v>
      </c>
      <c r="J976" s="45">
        <v>-29.9</v>
      </c>
      <c r="K976" s="55">
        <v>-50</v>
      </c>
    </row>
    <row r="977" spans="1:25" x14ac:dyDescent="0.2">
      <c r="B977" s="72"/>
      <c r="C977" s="38" t="s">
        <v>40</v>
      </c>
      <c r="D977" s="44">
        <v>675</v>
      </c>
      <c r="E977" s="45">
        <v>3.7</v>
      </c>
      <c r="F977" s="45">
        <v>24.7</v>
      </c>
      <c r="G977" s="45">
        <v>25.3</v>
      </c>
      <c r="H977" s="45">
        <v>35.1</v>
      </c>
      <c r="I977" s="45">
        <v>11.1</v>
      </c>
      <c r="J977" s="45">
        <v>-35.700000000000003</v>
      </c>
      <c r="K977" s="55">
        <v>-50</v>
      </c>
    </row>
    <row r="978" spans="1:25" x14ac:dyDescent="0.2">
      <c r="B978" s="72"/>
      <c r="C978" s="38" t="s">
        <v>41</v>
      </c>
      <c r="D978" s="44">
        <v>168</v>
      </c>
      <c r="E978" s="45">
        <v>6</v>
      </c>
      <c r="F978" s="45">
        <v>23.8</v>
      </c>
      <c r="G978" s="45">
        <v>27.4</v>
      </c>
      <c r="H978" s="45">
        <v>34.5</v>
      </c>
      <c r="I978" s="45">
        <v>8.3000000000000007</v>
      </c>
      <c r="J978" s="45">
        <v>-33.1</v>
      </c>
      <c r="K978" s="55">
        <v>-50</v>
      </c>
    </row>
    <row r="979" spans="1:25" x14ac:dyDescent="0.2">
      <c r="B979" s="72"/>
      <c r="C979" s="38" t="s">
        <v>42</v>
      </c>
      <c r="D979" s="44">
        <v>290</v>
      </c>
      <c r="E979" s="45">
        <v>2.8</v>
      </c>
      <c r="F979" s="45">
        <v>25.5</v>
      </c>
      <c r="G979" s="45">
        <v>27.9</v>
      </c>
      <c r="H979" s="45">
        <v>32.4</v>
      </c>
      <c r="I979" s="45">
        <v>11.4</v>
      </c>
      <c r="J979" s="45">
        <v>-34.799999999999997</v>
      </c>
      <c r="K979" s="55">
        <v>-50</v>
      </c>
    </row>
    <row r="980" spans="1:25" x14ac:dyDescent="0.2">
      <c r="B980" s="72"/>
      <c r="C980" s="38" t="s">
        <v>43</v>
      </c>
      <c r="D980" s="44">
        <v>231</v>
      </c>
      <c r="E980" s="45">
        <v>3</v>
      </c>
      <c r="F980" s="45">
        <v>25.1</v>
      </c>
      <c r="G980" s="45">
        <v>26.8</v>
      </c>
      <c r="H980" s="45">
        <v>37.200000000000003</v>
      </c>
      <c r="I980" s="45">
        <v>7.8</v>
      </c>
      <c r="J980" s="45">
        <v>-38</v>
      </c>
      <c r="K980" s="55">
        <v>-50</v>
      </c>
    </row>
    <row r="981" spans="1:25" x14ac:dyDescent="0.2">
      <c r="B981" s="72"/>
      <c r="C981" s="38" t="s">
        <v>44</v>
      </c>
      <c r="D981" s="44">
        <v>800</v>
      </c>
      <c r="E981" s="45">
        <v>3.8</v>
      </c>
      <c r="F981" s="45">
        <v>23.5</v>
      </c>
      <c r="G981" s="45">
        <v>31.5</v>
      </c>
      <c r="H981" s="45">
        <v>29.4</v>
      </c>
      <c r="I981" s="45">
        <v>11.9</v>
      </c>
      <c r="J981" s="45">
        <v>-33.6</v>
      </c>
      <c r="K981" s="55">
        <v>-50</v>
      </c>
    </row>
    <row r="982" spans="1:25" x14ac:dyDescent="0.2">
      <c r="B982" s="72"/>
      <c r="C982" s="38" t="s">
        <v>45</v>
      </c>
      <c r="D982" s="44">
        <v>240</v>
      </c>
      <c r="E982" s="45">
        <v>3.8</v>
      </c>
      <c r="F982" s="45">
        <v>24.2</v>
      </c>
      <c r="G982" s="45">
        <v>31.7</v>
      </c>
      <c r="H982" s="45">
        <v>30.8</v>
      </c>
      <c r="I982" s="45">
        <v>9.6</v>
      </c>
      <c r="J982" s="45">
        <v>-34.1</v>
      </c>
      <c r="K982" s="55">
        <v>-50</v>
      </c>
    </row>
    <row r="983" spans="1:25" x14ac:dyDescent="0.2">
      <c r="B983" s="72"/>
      <c r="C983" s="38" t="s">
        <v>46</v>
      </c>
      <c r="D983" s="44">
        <v>117</v>
      </c>
      <c r="E983" s="45">
        <v>6.8</v>
      </c>
      <c r="F983" s="45">
        <v>20.5</v>
      </c>
      <c r="G983" s="45">
        <v>36.799999999999997</v>
      </c>
      <c r="H983" s="45">
        <v>25.6</v>
      </c>
      <c r="I983" s="45">
        <v>10.3</v>
      </c>
      <c r="J983" s="45">
        <v>-30</v>
      </c>
      <c r="K983" s="55">
        <v>-50</v>
      </c>
    </row>
    <row r="984" spans="1:25" x14ac:dyDescent="0.2">
      <c r="B984" s="72"/>
      <c r="C984" s="38" t="s">
        <v>47</v>
      </c>
      <c r="D984" s="44">
        <v>461</v>
      </c>
      <c r="E984" s="45">
        <v>5.9</v>
      </c>
      <c r="F984" s="45">
        <v>23.4</v>
      </c>
      <c r="G984" s="45">
        <v>28.4</v>
      </c>
      <c r="H984" s="45">
        <v>31.9</v>
      </c>
      <c r="I984" s="45">
        <v>10.4</v>
      </c>
      <c r="J984" s="45">
        <v>-31.8</v>
      </c>
      <c r="K984" s="55">
        <v>-50</v>
      </c>
    </row>
    <row r="985" spans="1:25" ht="21.6" x14ac:dyDescent="0.2">
      <c r="B985" s="72"/>
      <c r="C985" s="39" t="s">
        <v>48</v>
      </c>
      <c r="D985" s="47">
        <v>2307</v>
      </c>
      <c r="E985" s="48">
        <v>4.3</v>
      </c>
      <c r="F985" s="48">
        <v>23.8</v>
      </c>
      <c r="G985" s="48">
        <v>30</v>
      </c>
      <c r="H985" s="48">
        <v>31.4</v>
      </c>
      <c r="I985" s="48">
        <v>10.5</v>
      </c>
      <c r="J985" s="48">
        <v>-33.700000000000003</v>
      </c>
      <c r="K985" s="56">
        <v>-50</v>
      </c>
    </row>
    <row r="986" spans="1:25" x14ac:dyDescent="0.2">
      <c r="B986" s="7" t="s">
        <v>49</v>
      </c>
      <c r="C986" s="4" t="s">
        <v>135</v>
      </c>
    </row>
    <row r="987" spans="1:25" x14ac:dyDescent="0.2">
      <c r="B987" s="4"/>
      <c r="C987" s="4" t="s">
        <v>51</v>
      </c>
    </row>
    <row r="989" spans="1:25" x14ac:dyDescent="0.2">
      <c r="A989" s="26" t="s">
        <v>25</v>
      </c>
      <c r="B989" t="s">
        <v>35</v>
      </c>
      <c r="C989" t="s">
        <v>35</v>
      </c>
    </row>
    <row r="990" spans="1:25" x14ac:dyDescent="0.2">
      <c r="B990" s="70" t="s">
        <v>136</v>
      </c>
      <c r="C990" s="71"/>
      <c r="D990" s="71"/>
      <c r="E990" s="71"/>
      <c r="F990" s="71"/>
      <c r="G990" s="71"/>
      <c r="H990" s="71"/>
      <c r="I990" s="71"/>
      <c r="J990" s="71"/>
      <c r="K990" s="71"/>
      <c r="L990" s="71"/>
      <c r="M990" s="71"/>
      <c r="N990" s="71"/>
      <c r="O990" s="71"/>
      <c r="P990" s="71"/>
      <c r="Q990" s="71"/>
      <c r="R990" s="71"/>
      <c r="S990" s="71"/>
      <c r="T990" s="71"/>
      <c r="U990" s="71"/>
      <c r="V990" s="71"/>
      <c r="W990" s="71"/>
      <c r="X990" s="71"/>
      <c r="Y990" s="71"/>
    </row>
    <row r="991" spans="1:25" s="32" customFormat="1" ht="68.849999999999994" customHeight="1" x14ac:dyDescent="0.15">
      <c r="A991" s="31"/>
      <c r="D991" s="33" t="s">
        <v>341</v>
      </c>
      <c r="E991" s="36" t="s">
        <v>526</v>
      </c>
      <c r="F991" s="51" t="s">
        <v>527</v>
      </c>
      <c r="G991" s="51" t="s">
        <v>528</v>
      </c>
      <c r="H991" s="51" t="s">
        <v>529</v>
      </c>
      <c r="I991" s="51" t="s">
        <v>443</v>
      </c>
      <c r="J991" s="52" t="s">
        <v>350</v>
      </c>
      <c r="K991" s="53" t="s">
        <v>351</v>
      </c>
      <c r="L991" s="50" t="s">
        <v>344</v>
      </c>
    </row>
    <row r="992" spans="1:25" x14ac:dyDescent="0.2">
      <c r="B992" s="5"/>
      <c r="C992" s="40" t="s">
        <v>38</v>
      </c>
      <c r="D992" s="41">
        <v>4307</v>
      </c>
      <c r="E992" s="42">
        <v>8.6999999999999993</v>
      </c>
      <c r="F992" s="42">
        <v>37.5</v>
      </c>
      <c r="G992" s="42">
        <v>26.2</v>
      </c>
      <c r="H992" s="42">
        <v>19.7</v>
      </c>
      <c r="I992" s="42">
        <v>7.9</v>
      </c>
      <c r="J992" s="42">
        <v>-5.9</v>
      </c>
      <c r="K992" s="54">
        <v>50</v>
      </c>
    </row>
    <row r="993" spans="1:25" x14ac:dyDescent="0.2">
      <c r="B993" s="72" t="s">
        <v>37</v>
      </c>
      <c r="C993" s="38" t="s">
        <v>39</v>
      </c>
      <c r="D993" s="44">
        <v>1325</v>
      </c>
      <c r="E993" s="45">
        <v>9.8000000000000007</v>
      </c>
      <c r="F993" s="45">
        <v>38</v>
      </c>
      <c r="G993" s="45">
        <v>26.4</v>
      </c>
      <c r="H993" s="45">
        <v>18.600000000000001</v>
      </c>
      <c r="I993" s="45">
        <v>7.1</v>
      </c>
      <c r="J993" s="45">
        <v>-3.2</v>
      </c>
      <c r="K993" s="55">
        <v>50</v>
      </c>
    </row>
    <row r="994" spans="1:25" x14ac:dyDescent="0.2">
      <c r="B994" s="72"/>
      <c r="C994" s="38" t="s">
        <v>40</v>
      </c>
      <c r="D994" s="44">
        <v>675</v>
      </c>
      <c r="E994" s="45">
        <v>8.1</v>
      </c>
      <c r="F994" s="45">
        <v>37.299999999999997</v>
      </c>
      <c r="G994" s="45">
        <v>25.3</v>
      </c>
      <c r="H994" s="45">
        <v>21</v>
      </c>
      <c r="I994" s="45">
        <v>8.1</v>
      </c>
      <c r="J994" s="45">
        <v>-7.5</v>
      </c>
      <c r="K994" s="55">
        <v>-50</v>
      </c>
    </row>
    <row r="995" spans="1:25" x14ac:dyDescent="0.2">
      <c r="B995" s="72"/>
      <c r="C995" s="38" t="s">
        <v>41</v>
      </c>
      <c r="D995" s="44">
        <v>168</v>
      </c>
      <c r="E995" s="45">
        <v>8.9</v>
      </c>
      <c r="F995" s="45">
        <v>36.9</v>
      </c>
      <c r="G995" s="45">
        <v>29.8</v>
      </c>
      <c r="H995" s="45">
        <v>16.100000000000001</v>
      </c>
      <c r="I995" s="45">
        <v>8.3000000000000007</v>
      </c>
      <c r="J995" s="45">
        <v>-3.9</v>
      </c>
      <c r="K995" s="55">
        <v>0</v>
      </c>
    </row>
    <row r="996" spans="1:25" x14ac:dyDescent="0.2">
      <c r="B996" s="72"/>
      <c r="C996" s="38" t="s">
        <v>42</v>
      </c>
      <c r="D996" s="44">
        <v>290</v>
      </c>
      <c r="E996" s="45">
        <v>6.6</v>
      </c>
      <c r="F996" s="45">
        <v>35.5</v>
      </c>
      <c r="G996" s="45">
        <v>25.5</v>
      </c>
      <c r="H996" s="45">
        <v>23.8</v>
      </c>
      <c r="I996" s="45">
        <v>8.6</v>
      </c>
      <c r="J996" s="45">
        <v>-13.4</v>
      </c>
      <c r="K996" s="55">
        <v>-50</v>
      </c>
    </row>
    <row r="997" spans="1:25" x14ac:dyDescent="0.2">
      <c r="B997" s="72"/>
      <c r="C997" s="38" t="s">
        <v>43</v>
      </c>
      <c r="D997" s="44">
        <v>231</v>
      </c>
      <c r="E997" s="45">
        <v>10.4</v>
      </c>
      <c r="F997" s="45">
        <v>36.799999999999997</v>
      </c>
      <c r="G997" s="45">
        <v>26.4</v>
      </c>
      <c r="H997" s="45">
        <v>19</v>
      </c>
      <c r="I997" s="45">
        <v>7.4</v>
      </c>
      <c r="J997" s="45">
        <v>-3.7</v>
      </c>
      <c r="K997" s="55">
        <v>50</v>
      </c>
    </row>
    <row r="998" spans="1:25" x14ac:dyDescent="0.2">
      <c r="B998" s="72"/>
      <c r="C998" s="38" t="s">
        <v>44</v>
      </c>
      <c r="D998" s="44">
        <v>800</v>
      </c>
      <c r="E998" s="45">
        <v>7.9</v>
      </c>
      <c r="F998" s="45">
        <v>38.6</v>
      </c>
      <c r="G998" s="45">
        <v>24.9</v>
      </c>
      <c r="H998" s="45">
        <v>19</v>
      </c>
      <c r="I998" s="45">
        <v>9.6</v>
      </c>
      <c r="J998" s="45">
        <v>-4.7</v>
      </c>
      <c r="K998" s="55">
        <v>50</v>
      </c>
    </row>
    <row r="999" spans="1:25" x14ac:dyDescent="0.2">
      <c r="B999" s="72"/>
      <c r="C999" s="38" t="s">
        <v>45</v>
      </c>
      <c r="D999" s="44">
        <v>240</v>
      </c>
      <c r="E999" s="45">
        <v>8.3000000000000007</v>
      </c>
      <c r="F999" s="45">
        <v>36.299999999999997</v>
      </c>
      <c r="G999" s="45">
        <v>29.2</v>
      </c>
      <c r="H999" s="45">
        <v>19.600000000000001</v>
      </c>
      <c r="I999" s="45">
        <v>6.7</v>
      </c>
      <c r="J999" s="45">
        <v>-8.3000000000000007</v>
      </c>
      <c r="K999" s="55">
        <v>-50</v>
      </c>
    </row>
    <row r="1000" spans="1:25" x14ac:dyDescent="0.2">
      <c r="B1000" s="72"/>
      <c r="C1000" s="38" t="s">
        <v>46</v>
      </c>
      <c r="D1000" s="44">
        <v>117</v>
      </c>
      <c r="E1000" s="45">
        <v>8.5</v>
      </c>
      <c r="F1000" s="45">
        <v>35.9</v>
      </c>
      <c r="G1000" s="45">
        <v>31.6</v>
      </c>
      <c r="H1000" s="45">
        <v>17.899999999999999</v>
      </c>
      <c r="I1000" s="45">
        <v>6</v>
      </c>
      <c r="J1000" s="45">
        <v>-7.7</v>
      </c>
      <c r="K1000" s="55">
        <v>-50</v>
      </c>
    </row>
    <row r="1001" spans="1:25" x14ac:dyDescent="0.2">
      <c r="B1001" s="72"/>
      <c r="C1001" s="38" t="s">
        <v>47</v>
      </c>
      <c r="D1001" s="44">
        <v>461</v>
      </c>
      <c r="E1001" s="45">
        <v>8.5</v>
      </c>
      <c r="F1001" s="45">
        <v>36.700000000000003</v>
      </c>
      <c r="G1001" s="45">
        <v>24.9</v>
      </c>
      <c r="H1001" s="45">
        <v>21.9</v>
      </c>
      <c r="I1001" s="45">
        <v>8</v>
      </c>
      <c r="J1001" s="45">
        <v>-8.3000000000000007</v>
      </c>
      <c r="K1001" s="55">
        <v>-50</v>
      </c>
    </row>
    <row r="1002" spans="1:25" ht="21.6" x14ac:dyDescent="0.2">
      <c r="B1002" s="72"/>
      <c r="C1002" s="39" t="s">
        <v>48</v>
      </c>
      <c r="D1002" s="47">
        <v>2307</v>
      </c>
      <c r="E1002" s="48">
        <v>8.1999999999999993</v>
      </c>
      <c r="F1002" s="48">
        <v>37.1</v>
      </c>
      <c r="G1002" s="48">
        <v>26.3</v>
      </c>
      <c r="H1002" s="48">
        <v>20</v>
      </c>
      <c r="I1002" s="48">
        <v>8.4</v>
      </c>
      <c r="J1002" s="48">
        <v>-6.9</v>
      </c>
      <c r="K1002" s="56">
        <v>-50</v>
      </c>
    </row>
    <row r="1003" spans="1:25" x14ac:dyDescent="0.2">
      <c r="B1003" s="7" t="s">
        <v>49</v>
      </c>
      <c r="C1003" s="4" t="s">
        <v>137</v>
      </c>
    </row>
    <row r="1004" spans="1:25" x14ac:dyDescent="0.2">
      <c r="B1004" s="4"/>
      <c r="C1004" s="4" t="s">
        <v>51</v>
      </c>
    </row>
    <row r="1006" spans="1:25" x14ac:dyDescent="0.2">
      <c r="A1006" s="26" t="s">
        <v>25</v>
      </c>
      <c r="B1006" t="s">
        <v>35</v>
      </c>
      <c r="C1006" t="s">
        <v>35</v>
      </c>
    </row>
    <row r="1007" spans="1:25" x14ac:dyDescent="0.2">
      <c r="B1007" s="70" t="s">
        <v>138</v>
      </c>
      <c r="C1007" s="71"/>
      <c r="D1007" s="71"/>
      <c r="E1007" s="71"/>
      <c r="F1007" s="71"/>
      <c r="G1007" s="71"/>
      <c r="H1007" s="71"/>
      <c r="I1007" s="71"/>
      <c r="J1007" s="71"/>
      <c r="K1007" s="71"/>
      <c r="L1007" s="71"/>
      <c r="M1007" s="71"/>
      <c r="N1007" s="71"/>
      <c r="O1007" s="71"/>
      <c r="P1007" s="71"/>
      <c r="Q1007" s="71"/>
      <c r="R1007" s="71"/>
      <c r="S1007" s="71"/>
      <c r="T1007" s="71"/>
      <c r="U1007" s="71"/>
      <c r="V1007" s="71"/>
      <c r="W1007" s="71"/>
      <c r="X1007" s="71"/>
      <c r="Y1007" s="71"/>
    </row>
    <row r="1008" spans="1:25" s="32" customFormat="1" ht="68.849999999999994" customHeight="1" x14ac:dyDescent="0.15">
      <c r="A1008" s="31"/>
      <c r="D1008" s="33" t="s">
        <v>341</v>
      </c>
      <c r="E1008" s="36" t="s">
        <v>526</v>
      </c>
      <c r="F1008" s="51" t="s">
        <v>527</v>
      </c>
      <c r="G1008" s="51" t="s">
        <v>528</v>
      </c>
      <c r="H1008" s="51" t="s">
        <v>529</v>
      </c>
      <c r="I1008" s="51" t="s">
        <v>443</v>
      </c>
      <c r="J1008" s="52" t="s">
        <v>350</v>
      </c>
      <c r="K1008" s="53" t="s">
        <v>351</v>
      </c>
      <c r="L1008" s="50" t="s">
        <v>344</v>
      </c>
    </row>
    <row r="1009" spans="1:25" x14ac:dyDescent="0.2">
      <c r="B1009" s="5"/>
      <c r="C1009" s="40" t="s">
        <v>38</v>
      </c>
      <c r="D1009" s="41">
        <v>4307</v>
      </c>
      <c r="E1009" s="42">
        <v>8.4</v>
      </c>
      <c r="F1009" s="42">
        <v>31.4</v>
      </c>
      <c r="G1009" s="42">
        <v>28.5</v>
      </c>
      <c r="H1009" s="42">
        <v>24</v>
      </c>
      <c r="I1009" s="42">
        <v>7.6</v>
      </c>
      <c r="J1009" s="42">
        <v>-15.3</v>
      </c>
      <c r="K1009" s="54">
        <v>-50</v>
      </c>
    </row>
    <row r="1010" spans="1:25" x14ac:dyDescent="0.2">
      <c r="B1010" s="72" t="s">
        <v>37</v>
      </c>
      <c r="C1010" s="38" t="s">
        <v>39</v>
      </c>
      <c r="D1010" s="44">
        <v>1325</v>
      </c>
      <c r="E1010" s="45">
        <v>10.5</v>
      </c>
      <c r="F1010" s="45">
        <v>32.5</v>
      </c>
      <c r="G1010" s="45">
        <v>29.4</v>
      </c>
      <c r="H1010" s="45">
        <v>20.8</v>
      </c>
      <c r="I1010" s="45">
        <v>6.8</v>
      </c>
      <c r="J1010" s="45">
        <v>-9.5</v>
      </c>
      <c r="K1010" s="55">
        <v>-50</v>
      </c>
    </row>
    <row r="1011" spans="1:25" x14ac:dyDescent="0.2">
      <c r="B1011" s="72"/>
      <c r="C1011" s="38" t="s">
        <v>40</v>
      </c>
      <c r="D1011" s="44">
        <v>675</v>
      </c>
      <c r="E1011" s="45">
        <v>8.1</v>
      </c>
      <c r="F1011" s="45">
        <v>32.1</v>
      </c>
      <c r="G1011" s="45">
        <v>25.8</v>
      </c>
      <c r="H1011" s="45">
        <v>25.6</v>
      </c>
      <c r="I1011" s="45">
        <v>8.3000000000000007</v>
      </c>
      <c r="J1011" s="45">
        <v>-15.6</v>
      </c>
      <c r="K1011" s="55">
        <v>-50</v>
      </c>
    </row>
    <row r="1012" spans="1:25" x14ac:dyDescent="0.2">
      <c r="B1012" s="72"/>
      <c r="C1012" s="38" t="s">
        <v>41</v>
      </c>
      <c r="D1012" s="44">
        <v>168</v>
      </c>
      <c r="E1012" s="45">
        <v>7.1</v>
      </c>
      <c r="F1012" s="45">
        <v>29.8</v>
      </c>
      <c r="G1012" s="45">
        <v>33.9</v>
      </c>
      <c r="H1012" s="45">
        <v>20.8</v>
      </c>
      <c r="I1012" s="45">
        <v>8.3000000000000007</v>
      </c>
      <c r="J1012" s="45">
        <v>-17.2</v>
      </c>
      <c r="K1012" s="55">
        <v>-50</v>
      </c>
    </row>
    <row r="1013" spans="1:25" x14ac:dyDescent="0.2">
      <c r="B1013" s="72"/>
      <c r="C1013" s="38" t="s">
        <v>42</v>
      </c>
      <c r="D1013" s="44">
        <v>290</v>
      </c>
      <c r="E1013" s="45">
        <v>5.5</v>
      </c>
      <c r="F1013" s="45">
        <v>32.4</v>
      </c>
      <c r="G1013" s="45">
        <v>27.6</v>
      </c>
      <c r="H1013" s="45">
        <v>26.6</v>
      </c>
      <c r="I1013" s="45">
        <v>7.9</v>
      </c>
      <c r="J1013" s="45">
        <v>-20.2</v>
      </c>
      <c r="K1013" s="55">
        <v>-50</v>
      </c>
    </row>
    <row r="1014" spans="1:25" x14ac:dyDescent="0.2">
      <c r="B1014" s="72"/>
      <c r="C1014" s="38" t="s">
        <v>43</v>
      </c>
      <c r="D1014" s="44">
        <v>231</v>
      </c>
      <c r="E1014" s="45">
        <v>6.9</v>
      </c>
      <c r="F1014" s="45">
        <v>32</v>
      </c>
      <c r="G1014" s="45">
        <v>27.7</v>
      </c>
      <c r="H1014" s="45">
        <v>27.3</v>
      </c>
      <c r="I1014" s="45">
        <v>6.1</v>
      </c>
      <c r="J1014" s="45">
        <v>-19.399999999999999</v>
      </c>
      <c r="K1014" s="55">
        <v>-50</v>
      </c>
    </row>
    <row r="1015" spans="1:25" x14ac:dyDescent="0.2">
      <c r="B1015" s="72"/>
      <c r="C1015" s="38" t="s">
        <v>44</v>
      </c>
      <c r="D1015" s="44">
        <v>800</v>
      </c>
      <c r="E1015" s="45">
        <v>7.3</v>
      </c>
      <c r="F1015" s="45">
        <v>30.9</v>
      </c>
      <c r="G1015" s="45">
        <v>28.9</v>
      </c>
      <c r="H1015" s="45">
        <v>24.3</v>
      </c>
      <c r="I1015" s="45">
        <v>8.8000000000000007</v>
      </c>
      <c r="J1015" s="45">
        <v>-17.5</v>
      </c>
      <c r="K1015" s="55">
        <v>-50</v>
      </c>
    </row>
    <row r="1016" spans="1:25" x14ac:dyDescent="0.2">
      <c r="B1016" s="72"/>
      <c r="C1016" s="38" t="s">
        <v>45</v>
      </c>
      <c r="D1016" s="44">
        <v>240</v>
      </c>
      <c r="E1016" s="45">
        <v>7.9</v>
      </c>
      <c r="F1016" s="45">
        <v>28.8</v>
      </c>
      <c r="G1016" s="45">
        <v>32.1</v>
      </c>
      <c r="H1016" s="45">
        <v>24.6</v>
      </c>
      <c r="I1016" s="45">
        <v>6.7</v>
      </c>
      <c r="J1016" s="45">
        <v>-19.600000000000001</v>
      </c>
      <c r="K1016" s="55">
        <v>-50</v>
      </c>
    </row>
    <row r="1017" spans="1:25" x14ac:dyDescent="0.2">
      <c r="B1017" s="72"/>
      <c r="C1017" s="38" t="s">
        <v>46</v>
      </c>
      <c r="D1017" s="44">
        <v>117</v>
      </c>
      <c r="E1017" s="45">
        <v>10.3</v>
      </c>
      <c r="F1017" s="45">
        <v>35.9</v>
      </c>
      <c r="G1017" s="45">
        <v>23.9</v>
      </c>
      <c r="H1017" s="45">
        <v>23.9</v>
      </c>
      <c r="I1017" s="45">
        <v>6</v>
      </c>
      <c r="J1017" s="45">
        <v>-8.1999999999999993</v>
      </c>
      <c r="K1017" s="55">
        <v>-50</v>
      </c>
    </row>
    <row r="1018" spans="1:25" x14ac:dyDescent="0.2">
      <c r="B1018" s="72"/>
      <c r="C1018" s="38" t="s">
        <v>47</v>
      </c>
      <c r="D1018" s="44">
        <v>461</v>
      </c>
      <c r="E1018" s="45">
        <v>7.8</v>
      </c>
      <c r="F1018" s="45">
        <v>28.2</v>
      </c>
      <c r="G1018" s="45">
        <v>27.8</v>
      </c>
      <c r="H1018" s="45">
        <v>28</v>
      </c>
      <c r="I1018" s="45">
        <v>8.1999999999999993</v>
      </c>
      <c r="J1018" s="45">
        <v>-21.7</v>
      </c>
      <c r="K1018" s="55">
        <v>-50</v>
      </c>
    </row>
    <row r="1019" spans="1:25" ht="21.6" x14ac:dyDescent="0.2">
      <c r="B1019" s="72"/>
      <c r="C1019" s="39" t="s">
        <v>48</v>
      </c>
      <c r="D1019" s="47">
        <v>2307</v>
      </c>
      <c r="E1019" s="48">
        <v>7.3</v>
      </c>
      <c r="F1019" s="48">
        <v>30.6</v>
      </c>
      <c r="G1019" s="48">
        <v>28.8</v>
      </c>
      <c r="H1019" s="48">
        <v>25.4</v>
      </c>
      <c r="I1019" s="48">
        <v>7.9</v>
      </c>
      <c r="J1019" s="48">
        <v>-18.600000000000001</v>
      </c>
      <c r="K1019" s="56">
        <v>-50</v>
      </c>
    </row>
    <row r="1020" spans="1:25" x14ac:dyDescent="0.2">
      <c r="B1020" s="7" t="s">
        <v>49</v>
      </c>
      <c r="C1020" s="4" t="s">
        <v>139</v>
      </c>
    </row>
    <row r="1021" spans="1:25" x14ac:dyDescent="0.2">
      <c r="B1021" s="4"/>
      <c r="C1021" s="4" t="s">
        <v>51</v>
      </c>
    </row>
    <row r="1023" spans="1:25" x14ac:dyDescent="0.2">
      <c r="A1023" s="26" t="s">
        <v>25</v>
      </c>
      <c r="B1023" t="s">
        <v>35</v>
      </c>
      <c r="C1023" t="s">
        <v>35</v>
      </c>
    </row>
    <row r="1024" spans="1:25" x14ac:dyDescent="0.2">
      <c r="B1024" s="70" t="s">
        <v>140</v>
      </c>
      <c r="C1024" s="71"/>
      <c r="D1024" s="71"/>
      <c r="E1024" s="71"/>
      <c r="F1024" s="71"/>
      <c r="G1024" s="71"/>
      <c r="H1024" s="71"/>
      <c r="I1024" s="71"/>
      <c r="J1024" s="71"/>
      <c r="K1024" s="71"/>
      <c r="L1024" s="71"/>
      <c r="M1024" s="71"/>
      <c r="N1024" s="71"/>
      <c r="O1024" s="71"/>
      <c r="P1024" s="71"/>
      <c r="Q1024" s="71"/>
      <c r="R1024" s="71"/>
      <c r="S1024" s="71"/>
      <c r="T1024" s="71"/>
      <c r="U1024" s="71"/>
      <c r="V1024" s="71"/>
      <c r="W1024" s="71"/>
      <c r="X1024" s="71"/>
      <c r="Y1024" s="71"/>
    </row>
    <row r="1025" spans="1:12" s="32" customFormat="1" ht="68.849999999999994" customHeight="1" x14ac:dyDescent="0.15">
      <c r="A1025" s="31"/>
      <c r="D1025" s="33" t="s">
        <v>341</v>
      </c>
      <c r="E1025" s="36" t="s">
        <v>526</v>
      </c>
      <c r="F1025" s="51" t="s">
        <v>527</v>
      </c>
      <c r="G1025" s="51" t="s">
        <v>528</v>
      </c>
      <c r="H1025" s="51" t="s">
        <v>529</v>
      </c>
      <c r="I1025" s="51" t="s">
        <v>443</v>
      </c>
      <c r="J1025" s="52" t="s">
        <v>350</v>
      </c>
      <c r="K1025" s="53" t="s">
        <v>351</v>
      </c>
      <c r="L1025" s="50" t="s">
        <v>344</v>
      </c>
    </row>
    <row r="1026" spans="1:12" x14ac:dyDescent="0.2">
      <c r="B1026" s="5"/>
      <c r="C1026" s="40" t="s">
        <v>38</v>
      </c>
      <c r="D1026" s="41">
        <v>4307</v>
      </c>
      <c r="E1026" s="42">
        <v>6</v>
      </c>
      <c r="F1026" s="42">
        <v>29.9</v>
      </c>
      <c r="G1026" s="42">
        <v>32.1</v>
      </c>
      <c r="H1026" s="42">
        <v>23.5</v>
      </c>
      <c r="I1026" s="42">
        <v>8.5</v>
      </c>
      <c r="J1026" s="42">
        <v>-20.399999999999999</v>
      </c>
      <c r="K1026" s="54">
        <v>-50</v>
      </c>
    </row>
    <row r="1027" spans="1:12" x14ac:dyDescent="0.2">
      <c r="B1027" s="72" t="s">
        <v>37</v>
      </c>
      <c r="C1027" s="38" t="s">
        <v>39</v>
      </c>
      <c r="D1027" s="44">
        <v>1325</v>
      </c>
      <c r="E1027" s="45">
        <v>6.2</v>
      </c>
      <c r="F1027" s="45">
        <v>32.5</v>
      </c>
      <c r="G1027" s="45">
        <v>33.1</v>
      </c>
      <c r="H1027" s="45">
        <v>21</v>
      </c>
      <c r="I1027" s="45">
        <v>7.2</v>
      </c>
      <c r="J1027" s="45">
        <v>-16.3</v>
      </c>
      <c r="K1027" s="55">
        <v>-50</v>
      </c>
    </row>
    <row r="1028" spans="1:12" x14ac:dyDescent="0.2">
      <c r="B1028" s="72"/>
      <c r="C1028" s="38" t="s">
        <v>40</v>
      </c>
      <c r="D1028" s="44">
        <v>675</v>
      </c>
      <c r="E1028" s="45">
        <v>7.3</v>
      </c>
      <c r="F1028" s="45">
        <v>27.6</v>
      </c>
      <c r="G1028" s="45">
        <v>32</v>
      </c>
      <c r="H1028" s="45">
        <v>23.9</v>
      </c>
      <c r="I1028" s="45">
        <v>9.3000000000000007</v>
      </c>
      <c r="J1028" s="45">
        <v>-20.8</v>
      </c>
      <c r="K1028" s="55">
        <v>-50</v>
      </c>
    </row>
    <row r="1029" spans="1:12" x14ac:dyDescent="0.2">
      <c r="B1029" s="72"/>
      <c r="C1029" s="38" t="s">
        <v>41</v>
      </c>
      <c r="D1029" s="44">
        <v>168</v>
      </c>
      <c r="E1029" s="45">
        <v>4.8</v>
      </c>
      <c r="F1029" s="45">
        <v>26.2</v>
      </c>
      <c r="G1029" s="45">
        <v>37.5</v>
      </c>
      <c r="H1029" s="45">
        <v>22.6</v>
      </c>
      <c r="I1029" s="45">
        <v>8.9</v>
      </c>
      <c r="J1029" s="45">
        <v>-25.8</v>
      </c>
      <c r="K1029" s="55">
        <v>-50</v>
      </c>
    </row>
    <row r="1030" spans="1:12" x14ac:dyDescent="0.2">
      <c r="B1030" s="72"/>
      <c r="C1030" s="38" t="s">
        <v>42</v>
      </c>
      <c r="D1030" s="44">
        <v>290</v>
      </c>
      <c r="E1030" s="45">
        <v>5.9</v>
      </c>
      <c r="F1030" s="45">
        <v>31.7</v>
      </c>
      <c r="G1030" s="45">
        <v>27.9</v>
      </c>
      <c r="H1030" s="45">
        <v>25.5</v>
      </c>
      <c r="I1030" s="45">
        <v>9</v>
      </c>
      <c r="J1030" s="45">
        <v>-19.5</v>
      </c>
      <c r="K1030" s="55">
        <v>-50</v>
      </c>
    </row>
    <row r="1031" spans="1:12" x14ac:dyDescent="0.2">
      <c r="B1031" s="72"/>
      <c r="C1031" s="38" t="s">
        <v>43</v>
      </c>
      <c r="D1031" s="44">
        <v>231</v>
      </c>
      <c r="E1031" s="45">
        <v>4.8</v>
      </c>
      <c r="F1031" s="45">
        <v>26.8</v>
      </c>
      <c r="G1031" s="45">
        <v>31.6</v>
      </c>
      <c r="H1031" s="45">
        <v>28.6</v>
      </c>
      <c r="I1031" s="45">
        <v>8.1999999999999993</v>
      </c>
      <c r="J1031" s="45">
        <v>-28.5</v>
      </c>
      <c r="K1031" s="55">
        <v>-50</v>
      </c>
    </row>
    <row r="1032" spans="1:12" x14ac:dyDescent="0.2">
      <c r="B1032" s="72"/>
      <c r="C1032" s="38" t="s">
        <v>44</v>
      </c>
      <c r="D1032" s="44">
        <v>800</v>
      </c>
      <c r="E1032" s="45">
        <v>5</v>
      </c>
      <c r="F1032" s="45">
        <v>29.4</v>
      </c>
      <c r="G1032" s="45">
        <v>31.4</v>
      </c>
      <c r="H1032" s="45">
        <v>24.3</v>
      </c>
      <c r="I1032" s="45">
        <v>10</v>
      </c>
      <c r="J1032" s="45">
        <v>-22.5</v>
      </c>
      <c r="K1032" s="55">
        <v>-50</v>
      </c>
    </row>
    <row r="1033" spans="1:12" x14ac:dyDescent="0.2">
      <c r="B1033" s="72"/>
      <c r="C1033" s="38" t="s">
        <v>45</v>
      </c>
      <c r="D1033" s="44">
        <v>240</v>
      </c>
      <c r="E1033" s="45">
        <v>4.2</v>
      </c>
      <c r="F1033" s="45">
        <v>31.7</v>
      </c>
      <c r="G1033" s="45">
        <v>32.9</v>
      </c>
      <c r="H1033" s="45">
        <v>22.5</v>
      </c>
      <c r="I1033" s="45">
        <v>8.8000000000000007</v>
      </c>
      <c r="J1033" s="45">
        <v>-20.8</v>
      </c>
      <c r="K1033" s="55">
        <v>-50</v>
      </c>
    </row>
    <row r="1034" spans="1:12" x14ac:dyDescent="0.2">
      <c r="B1034" s="72"/>
      <c r="C1034" s="38" t="s">
        <v>46</v>
      </c>
      <c r="D1034" s="44">
        <v>117</v>
      </c>
      <c r="E1034" s="45">
        <v>7.7</v>
      </c>
      <c r="F1034" s="45">
        <v>34.200000000000003</v>
      </c>
      <c r="G1034" s="45">
        <v>30.8</v>
      </c>
      <c r="H1034" s="45">
        <v>22.2</v>
      </c>
      <c r="I1034" s="45">
        <v>5.0999999999999996</v>
      </c>
      <c r="J1034" s="45">
        <v>-13.5</v>
      </c>
      <c r="K1034" s="55">
        <v>-50</v>
      </c>
    </row>
    <row r="1035" spans="1:12" x14ac:dyDescent="0.2">
      <c r="B1035" s="72"/>
      <c r="C1035" s="38" t="s">
        <v>47</v>
      </c>
      <c r="D1035" s="44">
        <v>461</v>
      </c>
      <c r="E1035" s="45">
        <v>6.7</v>
      </c>
      <c r="F1035" s="45">
        <v>26.7</v>
      </c>
      <c r="G1035" s="45">
        <v>31.2</v>
      </c>
      <c r="H1035" s="45">
        <v>26.2</v>
      </c>
      <c r="I1035" s="45">
        <v>9.1</v>
      </c>
      <c r="J1035" s="45">
        <v>-24</v>
      </c>
      <c r="K1035" s="55">
        <v>-50</v>
      </c>
    </row>
    <row r="1036" spans="1:12" ht="21.6" x14ac:dyDescent="0.2">
      <c r="B1036" s="72"/>
      <c r="C1036" s="39" t="s">
        <v>48</v>
      </c>
      <c r="D1036" s="47">
        <v>2307</v>
      </c>
      <c r="E1036" s="48">
        <v>5.5</v>
      </c>
      <c r="F1036" s="48">
        <v>29.1</v>
      </c>
      <c r="G1036" s="48">
        <v>31.5</v>
      </c>
      <c r="H1036" s="48">
        <v>24.8</v>
      </c>
      <c r="I1036" s="48">
        <v>9.1</v>
      </c>
      <c r="J1036" s="48">
        <v>-22.6</v>
      </c>
      <c r="K1036" s="56">
        <v>-50</v>
      </c>
    </row>
    <row r="1037" spans="1:12" x14ac:dyDescent="0.2">
      <c r="B1037" s="7" t="s">
        <v>49</v>
      </c>
      <c r="C1037" s="4" t="s">
        <v>141</v>
      </c>
    </row>
    <row r="1038" spans="1:12" x14ac:dyDescent="0.2">
      <c r="B1038" s="4"/>
      <c r="C1038" s="4" t="s">
        <v>51</v>
      </c>
    </row>
    <row r="1040" spans="1:12" x14ac:dyDescent="0.2">
      <c r="A1040" s="26" t="s">
        <v>25</v>
      </c>
      <c r="B1040" t="s">
        <v>35</v>
      </c>
      <c r="C1040" t="s">
        <v>35</v>
      </c>
    </row>
    <row r="1041" spans="1:25" x14ac:dyDescent="0.2">
      <c r="B1041" s="70" t="s">
        <v>142</v>
      </c>
      <c r="C1041" s="71"/>
      <c r="D1041" s="71"/>
      <c r="E1041" s="71"/>
      <c r="F1041" s="71"/>
      <c r="G1041" s="71"/>
      <c r="H1041" s="71"/>
      <c r="I1041" s="71"/>
      <c r="J1041" s="71"/>
      <c r="K1041" s="71"/>
      <c r="L1041" s="71"/>
      <c r="M1041" s="71"/>
      <c r="N1041" s="71"/>
      <c r="O1041" s="71"/>
      <c r="P1041" s="71"/>
      <c r="Q1041" s="71"/>
      <c r="R1041" s="71"/>
      <c r="S1041" s="71"/>
      <c r="T1041" s="71"/>
      <c r="U1041" s="71"/>
      <c r="V1041" s="71"/>
      <c r="W1041" s="71"/>
      <c r="X1041" s="71"/>
      <c r="Y1041" s="71"/>
    </row>
    <row r="1042" spans="1:25" s="32" customFormat="1" ht="68.849999999999994" customHeight="1" x14ac:dyDescent="0.15">
      <c r="A1042" s="31"/>
      <c r="D1042" s="33" t="s">
        <v>341</v>
      </c>
      <c r="E1042" s="36" t="s">
        <v>526</v>
      </c>
      <c r="F1042" s="51" t="s">
        <v>527</v>
      </c>
      <c r="G1042" s="51" t="s">
        <v>528</v>
      </c>
      <c r="H1042" s="51" t="s">
        <v>529</v>
      </c>
      <c r="I1042" s="51" t="s">
        <v>443</v>
      </c>
      <c r="J1042" s="52" t="s">
        <v>350</v>
      </c>
      <c r="K1042" s="53" t="s">
        <v>351</v>
      </c>
      <c r="L1042" s="50" t="s">
        <v>344</v>
      </c>
    </row>
    <row r="1043" spans="1:25" x14ac:dyDescent="0.2">
      <c r="B1043" s="5"/>
      <c r="C1043" s="40" t="s">
        <v>38</v>
      </c>
      <c r="D1043" s="41">
        <v>4307</v>
      </c>
      <c r="E1043" s="42">
        <v>11</v>
      </c>
      <c r="F1043" s="42">
        <v>27.3</v>
      </c>
      <c r="G1043" s="42">
        <v>27</v>
      </c>
      <c r="H1043" s="42">
        <v>28.7</v>
      </c>
      <c r="I1043" s="42">
        <v>6</v>
      </c>
      <c r="J1043" s="42">
        <v>-18.7</v>
      </c>
      <c r="K1043" s="54">
        <v>-50</v>
      </c>
    </row>
    <row r="1044" spans="1:25" x14ac:dyDescent="0.2">
      <c r="B1044" s="72" t="s">
        <v>37</v>
      </c>
      <c r="C1044" s="38" t="s">
        <v>39</v>
      </c>
      <c r="D1044" s="44">
        <v>1325</v>
      </c>
      <c r="E1044" s="45">
        <v>12.1</v>
      </c>
      <c r="F1044" s="45">
        <v>27.6</v>
      </c>
      <c r="G1044" s="45">
        <v>26.4</v>
      </c>
      <c r="H1044" s="45">
        <v>28.5</v>
      </c>
      <c r="I1044" s="45">
        <v>5.4</v>
      </c>
      <c r="J1044" s="45">
        <v>-16.7</v>
      </c>
      <c r="K1044" s="55">
        <v>-50</v>
      </c>
    </row>
    <row r="1045" spans="1:25" x14ac:dyDescent="0.2">
      <c r="B1045" s="72"/>
      <c r="C1045" s="38" t="s">
        <v>40</v>
      </c>
      <c r="D1045" s="44">
        <v>675</v>
      </c>
      <c r="E1045" s="45">
        <v>11</v>
      </c>
      <c r="F1045" s="45">
        <v>25.9</v>
      </c>
      <c r="G1045" s="45">
        <v>27</v>
      </c>
      <c r="H1045" s="45">
        <v>29.3</v>
      </c>
      <c r="I1045" s="45">
        <v>6.8</v>
      </c>
      <c r="J1045" s="45">
        <v>-20.3</v>
      </c>
      <c r="K1045" s="55">
        <v>-50</v>
      </c>
    </row>
    <row r="1046" spans="1:25" x14ac:dyDescent="0.2">
      <c r="B1046" s="72"/>
      <c r="C1046" s="38" t="s">
        <v>41</v>
      </c>
      <c r="D1046" s="44">
        <v>168</v>
      </c>
      <c r="E1046" s="45">
        <v>10.7</v>
      </c>
      <c r="F1046" s="45">
        <v>25</v>
      </c>
      <c r="G1046" s="45">
        <v>36.9</v>
      </c>
      <c r="H1046" s="45">
        <v>22</v>
      </c>
      <c r="I1046" s="45">
        <v>5.4</v>
      </c>
      <c r="J1046" s="45">
        <v>-18.2</v>
      </c>
      <c r="K1046" s="55">
        <v>-50</v>
      </c>
    </row>
    <row r="1047" spans="1:25" x14ac:dyDescent="0.2">
      <c r="B1047" s="72"/>
      <c r="C1047" s="38" t="s">
        <v>42</v>
      </c>
      <c r="D1047" s="44">
        <v>290</v>
      </c>
      <c r="E1047" s="45">
        <v>9</v>
      </c>
      <c r="F1047" s="45">
        <v>30.7</v>
      </c>
      <c r="G1047" s="45">
        <v>25.5</v>
      </c>
      <c r="H1047" s="45">
        <v>29.7</v>
      </c>
      <c r="I1047" s="45">
        <v>5.2</v>
      </c>
      <c r="J1047" s="45">
        <v>-19.100000000000001</v>
      </c>
      <c r="K1047" s="55">
        <v>-50</v>
      </c>
    </row>
    <row r="1048" spans="1:25" x14ac:dyDescent="0.2">
      <c r="B1048" s="72"/>
      <c r="C1048" s="38" t="s">
        <v>43</v>
      </c>
      <c r="D1048" s="44">
        <v>231</v>
      </c>
      <c r="E1048" s="45">
        <v>10.4</v>
      </c>
      <c r="F1048" s="45">
        <v>23.8</v>
      </c>
      <c r="G1048" s="45">
        <v>25.5</v>
      </c>
      <c r="H1048" s="45">
        <v>34.200000000000003</v>
      </c>
      <c r="I1048" s="45">
        <v>6.1</v>
      </c>
      <c r="J1048" s="45">
        <v>-26.3</v>
      </c>
      <c r="K1048" s="55">
        <v>-50</v>
      </c>
    </row>
    <row r="1049" spans="1:25" x14ac:dyDescent="0.2">
      <c r="B1049" s="72"/>
      <c r="C1049" s="38" t="s">
        <v>44</v>
      </c>
      <c r="D1049" s="44">
        <v>800</v>
      </c>
      <c r="E1049" s="45">
        <v>9.3000000000000007</v>
      </c>
      <c r="F1049" s="45">
        <v>27.1</v>
      </c>
      <c r="G1049" s="45">
        <v>29.8</v>
      </c>
      <c r="H1049" s="45">
        <v>27.3</v>
      </c>
      <c r="I1049" s="45">
        <v>6.6</v>
      </c>
      <c r="J1049" s="45">
        <v>-20.7</v>
      </c>
      <c r="K1049" s="55">
        <v>-50</v>
      </c>
    </row>
    <row r="1050" spans="1:25" x14ac:dyDescent="0.2">
      <c r="B1050" s="72"/>
      <c r="C1050" s="38" t="s">
        <v>45</v>
      </c>
      <c r="D1050" s="44">
        <v>240</v>
      </c>
      <c r="E1050" s="45">
        <v>11.7</v>
      </c>
      <c r="F1050" s="45">
        <v>30.8</v>
      </c>
      <c r="G1050" s="45">
        <v>21.7</v>
      </c>
      <c r="H1050" s="45">
        <v>30.8</v>
      </c>
      <c r="I1050" s="45">
        <v>5</v>
      </c>
      <c r="J1050" s="45">
        <v>-15.4</v>
      </c>
      <c r="K1050" s="55">
        <v>-50</v>
      </c>
    </row>
    <row r="1051" spans="1:25" x14ac:dyDescent="0.2">
      <c r="B1051" s="72"/>
      <c r="C1051" s="38" t="s">
        <v>46</v>
      </c>
      <c r="D1051" s="44">
        <v>117</v>
      </c>
      <c r="E1051" s="45">
        <v>8.5</v>
      </c>
      <c r="F1051" s="45">
        <v>23.9</v>
      </c>
      <c r="G1051" s="45">
        <v>31.6</v>
      </c>
      <c r="H1051" s="45">
        <v>29.9</v>
      </c>
      <c r="I1051" s="45">
        <v>6</v>
      </c>
      <c r="J1051" s="45">
        <v>-26.8</v>
      </c>
      <c r="K1051" s="55">
        <v>-50</v>
      </c>
    </row>
    <row r="1052" spans="1:25" x14ac:dyDescent="0.2">
      <c r="B1052" s="72"/>
      <c r="C1052" s="38" t="s">
        <v>47</v>
      </c>
      <c r="D1052" s="44">
        <v>461</v>
      </c>
      <c r="E1052" s="45">
        <v>12.8</v>
      </c>
      <c r="F1052" s="45">
        <v>27.8</v>
      </c>
      <c r="G1052" s="45">
        <v>23.6</v>
      </c>
      <c r="H1052" s="45">
        <v>28.9</v>
      </c>
      <c r="I1052" s="45">
        <v>6.9</v>
      </c>
      <c r="J1052" s="45">
        <v>-15</v>
      </c>
      <c r="K1052" s="55">
        <v>-50</v>
      </c>
    </row>
    <row r="1053" spans="1:25" ht="21.6" x14ac:dyDescent="0.2">
      <c r="B1053" s="72"/>
      <c r="C1053" s="39" t="s">
        <v>48</v>
      </c>
      <c r="D1053" s="47">
        <v>2307</v>
      </c>
      <c r="E1053" s="48">
        <v>10.4</v>
      </c>
      <c r="F1053" s="48">
        <v>27.4</v>
      </c>
      <c r="G1053" s="48">
        <v>27.4</v>
      </c>
      <c r="H1053" s="48">
        <v>28.7</v>
      </c>
      <c r="I1053" s="48">
        <v>6.2</v>
      </c>
      <c r="J1053" s="48">
        <v>-19.5</v>
      </c>
      <c r="K1053" s="56">
        <v>-50</v>
      </c>
    </row>
    <row r="1054" spans="1:25" x14ac:dyDescent="0.2">
      <c r="B1054" s="7" t="s">
        <v>49</v>
      </c>
      <c r="C1054" s="4" t="s">
        <v>143</v>
      </c>
    </row>
    <row r="1055" spans="1:25" x14ac:dyDescent="0.2">
      <c r="B1055" s="4"/>
      <c r="C1055" s="4" t="s">
        <v>51</v>
      </c>
    </row>
    <row r="1057" spans="1:25" x14ac:dyDescent="0.2">
      <c r="A1057" s="26" t="s">
        <v>25</v>
      </c>
      <c r="B1057" t="s">
        <v>35</v>
      </c>
      <c r="C1057" t="s">
        <v>35</v>
      </c>
    </row>
    <row r="1058" spans="1:25" x14ac:dyDescent="0.2">
      <c r="B1058" s="70" t="s">
        <v>144</v>
      </c>
      <c r="C1058" s="71"/>
      <c r="D1058" s="71"/>
      <c r="E1058" s="71"/>
      <c r="F1058" s="71"/>
      <c r="G1058" s="71"/>
      <c r="H1058" s="71"/>
      <c r="I1058" s="71"/>
      <c r="J1058" s="71"/>
      <c r="K1058" s="71"/>
      <c r="L1058" s="71"/>
      <c r="M1058" s="71"/>
      <c r="N1058" s="71"/>
      <c r="O1058" s="71"/>
      <c r="P1058" s="71"/>
      <c r="Q1058" s="71"/>
      <c r="R1058" s="71"/>
      <c r="S1058" s="71"/>
      <c r="T1058" s="71"/>
      <c r="U1058" s="71"/>
      <c r="V1058" s="71"/>
      <c r="W1058" s="71"/>
      <c r="X1058" s="71"/>
      <c r="Y1058" s="71"/>
    </row>
    <row r="1059" spans="1:25" s="32" customFormat="1" ht="68.849999999999994" customHeight="1" x14ac:dyDescent="0.15">
      <c r="A1059" s="31"/>
      <c r="D1059" s="33" t="s">
        <v>341</v>
      </c>
      <c r="E1059" s="36" t="s">
        <v>526</v>
      </c>
      <c r="F1059" s="51" t="s">
        <v>527</v>
      </c>
      <c r="G1059" s="51" t="s">
        <v>528</v>
      </c>
      <c r="H1059" s="51" t="s">
        <v>529</v>
      </c>
      <c r="I1059" s="51" t="s">
        <v>443</v>
      </c>
      <c r="J1059" s="52" t="s">
        <v>350</v>
      </c>
      <c r="K1059" s="53" t="s">
        <v>351</v>
      </c>
      <c r="L1059" s="50" t="s">
        <v>344</v>
      </c>
    </row>
    <row r="1060" spans="1:25" x14ac:dyDescent="0.2">
      <c r="B1060" s="5"/>
      <c r="C1060" s="40" t="s">
        <v>38</v>
      </c>
      <c r="D1060" s="41">
        <v>4307</v>
      </c>
      <c r="E1060" s="42">
        <v>7.8</v>
      </c>
      <c r="F1060" s="42">
        <v>24.5</v>
      </c>
      <c r="G1060" s="42">
        <v>28</v>
      </c>
      <c r="H1060" s="42">
        <v>33</v>
      </c>
      <c r="I1060" s="42">
        <v>6.7</v>
      </c>
      <c r="J1060" s="42">
        <v>-28.9</v>
      </c>
      <c r="K1060" s="54">
        <v>-50</v>
      </c>
    </row>
    <row r="1061" spans="1:25" x14ac:dyDescent="0.2">
      <c r="B1061" s="72" t="s">
        <v>37</v>
      </c>
      <c r="C1061" s="38" t="s">
        <v>39</v>
      </c>
      <c r="D1061" s="44">
        <v>1325</v>
      </c>
      <c r="E1061" s="45">
        <v>8</v>
      </c>
      <c r="F1061" s="45">
        <v>25.6</v>
      </c>
      <c r="G1061" s="45">
        <v>28.6</v>
      </c>
      <c r="H1061" s="45">
        <v>30.9</v>
      </c>
      <c r="I1061" s="45">
        <v>6.9</v>
      </c>
      <c r="J1061" s="45">
        <v>-26.2</v>
      </c>
      <c r="K1061" s="55">
        <v>-50</v>
      </c>
    </row>
    <row r="1062" spans="1:25" x14ac:dyDescent="0.2">
      <c r="B1062" s="72"/>
      <c r="C1062" s="38" t="s">
        <v>40</v>
      </c>
      <c r="D1062" s="44">
        <v>675</v>
      </c>
      <c r="E1062" s="45">
        <v>7.4</v>
      </c>
      <c r="F1062" s="45">
        <v>24.6</v>
      </c>
      <c r="G1062" s="45">
        <v>28.4</v>
      </c>
      <c r="H1062" s="45">
        <v>33</v>
      </c>
      <c r="I1062" s="45">
        <v>6.5</v>
      </c>
      <c r="J1062" s="45">
        <v>-29.5</v>
      </c>
      <c r="K1062" s="55">
        <v>-50</v>
      </c>
    </row>
    <row r="1063" spans="1:25" x14ac:dyDescent="0.2">
      <c r="B1063" s="72"/>
      <c r="C1063" s="38" t="s">
        <v>41</v>
      </c>
      <c r="D1063" s="44">
        <v>168</v>
      </c>
      <c r="E1063" s="45">
        <v>7.7</v>
      </c>
      <c r="F1063" s="45">
        <v>21.4</v>
      </c>
      <c r="G1063" s="45">
        <v>33.299999999999997</v>
      </c>
      <c r="H1063" s="45">
        <v>31</v>
      </c>
      <c r="I1063" s="45">
        <v>6.5</v>
      </c>
      <c r="J1063" s="45">
        <v>-31.2</v>
      </c>
      <c r="K1063" s="55">
        <v>-50</v>
      </c>
    </row>
    <row r="1064" spans="1:25" x14ac:dyDescent="0.2">
      <c r="B1064" s="72"/>
      <c r="C1064" s="38" t="s">
        <v>42</v>
      </c>
      <c r="D1064" s="44">
        <v>290</v>
      </c>
      <c r="E1064" s="45">
        <v>4.5</v>
      </c>
      <c r="F1064" s="45">
        <v>27.6</v>
      </c>
      <c r="G1064" s="45">
        <v>29.7</v>
      </c>
      <c r="H1064" s="45">
        <v>32.1</v>
      </c>
      <c r="I1064" s="45">
        <v>6.2</v>
      </c>
      <c r="J1064" s="45">
        <v>-30.5</v>
      </c>
      <c r="K1064" s="55">
        <v>-50</v>
      </c>
    </row>
    <row r="1065" spans="1:25" x14ac:dyDescent="0.2">
      <c r="B1065" s="72"/>
      <c r="C1065" s="38" t="s">
        <v>43</v>
      </c>
      <c r="D1065" s="44">
        <v>231</v>
      </c>
      <c r="E1065" s="45">
        <v>9.5</v>
      </c>
      <c r="F1065" s="45">
        <v>20.3</v>
      </c>
      <c r="G1065" s="45">
        <v>26.4</v>
      </c>
      <c r="H1065" s="45">
        <v>37.200000000000003</v>
      </c>
      <c r="I1065" s="45">
        <v>6.5</v>
      </c>
      <c r="J1065" s="45">
        <v>-32.9</v>
      </c>
      <c r="K1065" s="55">
        <v>-50</v>
      </c>
    </row>
    <row r="1066" spans="1:25" x14ac:dyDescent="0.2">
      <c r="B1066" s="72"/>
      <c r="C1066" s="38" t="s">
        <v>44</v>
      </c>
      <c r="D1066" s="44">
        <v>800</v>
      </c>
      <c r="E1066" s="45">
        <v>7.1</v>
      </c>
      <c r="F1066" s="45">
        <v>22.1</v>
      </c>
      <c r="G1066" s="45">
        <v>29.5</v>
      </c>
      <c r="H1066" s="45">
        <v>33.9</v>
      </c>
      <c r="I1066" s="45">
        <v>7.4</v>
      </c>
      <c r="J1066" s="45">
        <v>-32.9</v>
      </c>
      <c r="K1066" s="55">
        <v>-50</v>
      </c>
    </row>
    <row r="1067" spans="1:25" x14ac:dyDescent="0.2">
      <c r="B1067" s="72"/>
      <c r="C1067" s="38" t="s">
        <v>45</v>
      </c>
      <c r="D1067" s="44">
        <v>240</v>
      </c>
      <c r="E1067" s="45">
        <v>10</v>
      </c>
      <c r="F1067" s="45">
        <v>23.3</v>
      </c>
      <c r="G1067" s="45">
        <v>25.4</v>
      </c>
      <c r="H1067" s="45">
        <v>37.1</v>
      </c>
      <c r="I1067" s="45">
        <v>4.2</v>
      </c>
      <c r="J1067" s="45">
        <v>-29.3</v>
      </c>
      <c r="K1067" s="55">
        <v>-50</v>
      </c>
    </row>
    <row r="1068" spans="1:25" x14ac:dyDescent="0.2">
      <c r="B1068" s="72"/>
      <c r="C1068" s="38" t="s">
        <v>46</v>
      </c>
      <c r="D1068" s="44">
        <v>117</v>
      </c>
      <c r="E1068" s="45">
        <v>9.4</v>
      </c>
      <c r="F1068" s="45">
        <v>22.2</v>
      </c>
      <c r="G1068" s="45">
        <v>30.8</v>
      </c>
      <c r="H1068" s="45">
        <v>30.8</v>
      </c>
      <c r="I1068" s="45">
        <v>6.8</v>
      </c>
      <c r="J1068" s="45">
        <v>-27.5</v>
      </c>
      <c r="K1068" s="55">
        <v>-50</v>
      </c>
    </row>
    <row r="1069" spans="1:25" x14ac:dyDescent="0.2">
      <c r="B1069" s="72"/>
      <c r="C1069" s="38" t="s">
        <v>47</v>
      </c>
      <c r="D1069" s="44">
        <v>461</v>
      </c>
      <c r="E1069" s="45">
        <v>8.5</v>
      </c>
      <c r="F1069" s="45">
        <v>27.5</v>
      </c>
      <c r="G1069" s="45">
        <v>21.7</v>
      </c>
      <c r="H1069" s="45">
        <v>35.1</v>
      </c>
      <c r="I1069" s="45">
        <v>7.2</v>
      </c>
      <c r="J1069" s="45">
        <v>-25.6</v>
      </c>
      <c r="K1069" s="55">
        <v>-50</v>
      </c>
    </row>
    <row r="1070" spans="1:25" ht="21.6" x14ac:dyDescent="0.2">
      <c r="B1070" s="72"/>
      <c r="C1070" s="39" t="s">
        <v>48</v>
      </c>
      <c r="D1070" s="47">
        <v>2307</v>
      </c>
      <c r="E1070" s="48">
        <v>7.8</v>
      </c>
      <c r="F1070" s="48">
        <v>23.8</v>
      </c>
      <c r="G1070" s="48">
        <v>27.6</v>
      </c>
      <c r="H1070" s="48">
        <v>34.200000000000003</v>
      </c>
      <c r="I1070" s="48">
        <v>6.7</v>
      </c>
      <c r="J1070" s="48">
        <v>-30.4</v>
      </c>
      <c r="K1070" s="56">
        <v>-50</v>
      </c>
    </row>
    <row r="1071" spans="1:25" x14ac:dyDescent="0.2">
      <c r="B1071" s="7" t="s">
        <v>49</v>
      </c>
      <c r="C1071" s="4" t="s">
        <v>145</v>
      </c>
    </row>
    <row r="1072" spans="1:25" x14ac:dyDescent="0.2">
      <c r="B1072" s="4"/>
      <c r="C1072" s="4" t="s">
        <v>51</v>
      </c>
    </row>
    <row r="1074" spans="1:25" x14ac:dyDescent="0.2">
      <c r="A1074" s="26" t="s">
        <v>25</v>
      </c>
      <c r="B1074" t="s">
        <v>35</v>
      </c>
      <c r="C1074" t="s">
        <v>35</v>
      </c>
    </row>
    <row r="1075" spans="1:25" x14ac:dyDescent="0.2">
      <c r="B1075" s="70" t="s">
        <v>146</v>
      </c>
      <c r="C1075" s="71"/>
      <c r="D1075" s="71"/>
      <c r="E1075" s="71"/>
      <c r="F1075" s="71"/>
      <c r="G1075" s="71"/>
      <c r="H1075" s="71"/>
      <c r="I1075" s="71"/>
      <c r="J1075" s="71"/>
      <c r="K1075" s="71"/>
      <c r="L1075" s="71"/>
      <c r="M1075" s="71"/>
      <c r="N1075" s="71"/>
      <c r="O1075" s="71"/>
      <c r="P1075" s="71"/>
      <c r="Q1075" s="71"/>
      <c r="R1075" s="71"/>
      <c r="S1075" s="71"/>
      <c r="T1075" s="71"/>
      <c r="U1075" s="71"/>
      <c r="V1075" s="71"/>
      <c r="W1075" s="71"/>
      <c r="X1075" s="71"/>
      <c r="Y1075" s="71"/>
    </row>
    <row r="1076" spans="1:25" s="32" customFormat="1" ht="68.849999999999994" customHeight="1" x14ac:dyDescent="0.15">
      <c r="A1076" s="31"/>
      <c r="D1076" s="33" t="s">
        <v>341</v>
      </c>
      <c r="E1076" s="36" t="s">
        <v>526</v>
      </c>
      <c r="F1076" s="51" t="s">
        <v>527</v>
      </c>
      <c r="G1076" s="51" t="s">
        <v>528</v>
      </c>
      <c r="H1076" s="51" t="s">
        <v>529</v>
      </c>
      <c r="I1076" s="51" t="s">
        <v>443</v>
      </c>
      <c r="J1076" s="52" t="s">
        <v>350</v>
      </c>
      <c r="K1076" s="53" t="s">
        <v>351</v>
      </c>
      <c r="L1076" s="50" t="s">
        <v>344</v>
      </c>
    </row>
    <row r="1077" spans="1:25" x14ac:dyDescent="0.2">
      <c r="B1077" s="5"/>
      <c r="C1077" s="40" t="s">
        <v>38</v>
      </c>
      <c r="D1077" s="41">
        <v>4307</v>
      </c>
      <c r="E1077" s="42">
        <v>11.7</v>
      </c>
      <c r="F1077" s="42">
        <v>38.4</v>
      </c>
      <c r="G1077" s="42">
        <v>26.5</v>
      </c>
      <c r="H1077" s="42">
        <v>15.5</v>
      </c>
      <c r="I1077" s="42">
        <v>7.9</v>
      </c>
      <c r="J1077" s="42">
        <v>2.2000000000000002</v>
      </c>
      <c r="K1077" s="54">
        <v>50</v>
      </c>
    </row>
    <row r="1078" spans="1:25" x14ac:dyDescent="0.2">
      <c r="B1078" s="72" t="s">
        <v>37</v>
      </c>
      <c r="C1078" s="38" t="s">
        <v>39</v>
      </c>
      <c r="D1078" s="44">
        <v>1325</v>
      </c>
      <c r="E1078" s="45">
        <v>12.5</v>
      </c>
      <c r="F1078" s="45">
        <v>38.9</v>
      </c>
      <c r="G1078" s="45">
        <v>26</v>
      </c>
      <c r="H1078" s="45">
        <v>14.7</v>
      </c>
      <c r="I1078" s="45">
        <v>7.9</v>
      </c>
      <c r="J1078" s="45">
        <v>4.5999999999999996</v>
      </c>
      <c r="K1078" s="55">
        <v>50</v>
      </c>
    </row>
    <row r="1079" spans="1:25" x14ac:dyDescent="0.2">
      <c r="B1079" s="72"/>
      <c r="C1079" s="38" t="s">
        <v>40</v>
      </c>
      <c r="D1079" s="44">
        <v>675</v>
      </c>
      <c r="E1079" s="45">
        <v>12</v>
      </c>
      <c r="F1079" s="45">
        <v>39.9</v>
      </c>
      <c r="G1079" s="45">
        <v>25.9</v>
      </c>
      <c r="H1079" s="45">
        <v>14.2</v>
      </c>
      <c r="I1079" s="45">
        <v>8</v>
      </c>
      <c r="J1079" s="45">
        <v>5.2</v>
      </c>
      <c r="K1079" s="55">
        <v>50</v>
      </c>
    </row>
    <row r="1080" spans="1:25" x14ac:dyDescent="0.2">
      <c r="B1080" s="72"/>
      <c r="C1080" s="38" t="s">
        <v>41</v>
      </c>
      <c r="D1080" s="44">
        <v>168</v>
      </c>
      <c r="E1080" s="45">
        <v>15.5</v>
      </c>
      <c r="F1080" s="45">
        <v>29.2</v>
      </c>
      <c r="G1080" s="45">
        <v>30.4</v>
      </c>
      <c r="H1080" s="45">
        <v>15.5</v>
      </c>
      <c r="I1080" s="45">
        <v>9.5</v>
      </c>
      <c r="J1080" s="45">
        <v>-0.7</v>
      </c>
      <c r="K1080" s="55">
        <v>-50</v>
      </c>
    </row>
    <row r="1081" spans="1:25" x14ac:dyDescent="0.2">
      <c r="B1081" s="72"/>
      <c r="C1081" s="38" t="s">
        <v>42</v>
      </c>
      <c r="D1081" s="44">
        <v>290</v>
      </c>
      <c r="E1081" s="45">
        <v>9.6999999999999993</v>
      </c>
      <c r="F1081" s="45">
        <v>39</v>
      </c>
      <c r="G1081" s="45">
        <v>27.9</v>
      </c>
      <c r="H1081" s="45">
        <v>15.5</v>
      </c>
      <c r="I1081" s="45">
        <v>7.9</v>
      </c>
      <c r="J1081" s="45">
        <v>-0.4</v>
      </c>
      <c r="K1081" s="55">
        <v>50</v>
      </c>
    </row>
    <row r="1082" spans="1:25" x14ac:dyDescent="0.2">
      <c r="B1082" s="72"/>
      <c r="C1082" s="38" t="s">
        <v>43</v>
      </c>
      <c r="D1082" s="44">
        <v>231</v>
      </c>
      <c r="E1082" s="45">
        <v>9.5</v>
      </c>
      <c r="F1082" s="45">
        <v>42</v>
      </c>
      <c r="G1082" s="45">
        <v>22.9</v>
      </c>
      <c r="H1082" s="45">
        <v>17.7</v>
      </c>
      <c r="I1082" s="45">
        <v>7.8</v>
      </c>
      <c r="J1082" s="45">
        <v>1.4</v>
      </c>
      <c r="K1082" s="55">
        <v>50</v>
      </c>
    </row>
    <row r="1083" spans="1:25" x14ac:dyDescent="0.2">
      <c r="B1083" s="72"/>
      <c r="C1083" s="38" t="s">
        <v>44</v>
      </c>
      <c r="D1083" s="44">
        <v>800</v>
      </c>
      <c r="E1083" s="45">
        <v>8.5</v>
      </c>
      <c r="F1083" s="45">
        <v>37.1</v>
      </c>
      <c r="G1083" s="45">
        <v>30</v>
      </c>
      <c r="H1083" s="45">
        <v>15.9</v>
      </c>
      <c r="I1083" s="45">
        <v>8.5</v>
      </c>
      <c r="J1083" s="45">
        <v>-4.2</v>
      </c>
      <c r="K1083" s="55">
        <v>-50</v>
      </c>
    </row>
    <row r="1084" spans="1:25" x14ac:dyDescent="0.2">
      <c r="B1084" s="72"/>
      <c r="C1084" s="38" t="s">
        <v>45</v>
      </c>
      <c r="D1084" s="44">
        <v>240</v>
      </c>
      <c r="E1084" s="45">
        <v>14.6</v>
      </c>
      <c r="F1084" s="45">
        <v>37.9</v>
      </c>
      <c r="G1084" s="45">
        <v>23.3</v>
      </c>
      <c r="H1084" s="45">
        <v>18.8</v>
      </c>
      <c r="I1084" s="45">
        <v>5.4</v>
      </c>
      <c r="J1084" s="45">
        <v>3.3</v>
      </c>
      <c r="K1084" s="55">
        <v>50</v>
      </c>
    </row>
    <row r="1085" spans="1:25" x14ac:dyDescent="0.2">
      <c r="B1085" s="72"/>
      <c r="C1085" s="38" t="s">
        <v>46</v>
      </c>
      <c r="D1085" s="44">
        <v>117</v>
      </c>
      <c r="E1085" s="45">
        <v>12</v>
      </c>
      <c r="F1085" s="45">
        <v>40.200000000000003</v>
      </c>
      <c r="G1085" s="45">
        <v>26.5</v>
      </c>
      <c r="H1085" s="45">
        <v>15.4</v>
      </c>
      <c r="I1085" s="45">
        <v>6</v>
      </c>
      <c r="J1085" s="45">
        <v>3.6</v>
      </c>
      <c r="K1085" s="55">
        <v>50</v>
      </c>
    </row>
    <row r="1086" spans="1:25" x14ac:dyDescent="0.2">
      <c r="B1086" s="72"/>
      <c r="C1086" s="38" t="s">
        <v>47</v>
      </c>
      <c r="D1086" s="44">
        <v>461</v>
      </c>
      <c r="E1086" s="45">
        <v>13.4</v>
      </c>
      <c r="F1086" s="45">
        <v>38</v>
      </c>
      <c r="G1086" s="45">
        <v>24.3</v>
      </c>
      <c r="H1086" s="45">
        <v>16.3</v>
      </c>
      <c r="I1086" s="45">
        <v>8</v>
      </c>
      <c r="J1086" s="45">
        <v>4.4000000000000004</v>
      </c>
      <c r="K1086" s="55">
        <v>50</v>
      </c>
    </row>
    <row r="1087" spans="1:25" ht="21.6" x14ac:dyDescent="0.2">
      <c r="B1087" s="72"/>
      <c r="C1087" s="39" t="s">
        <v>48</v>
      </c>
      <c r="D1087" s="47">
        <v>2307</v>
      </c>
      <c r="E1087" s="48">
        <v>11.1</v>
      </c>
      <c r="F1087" s="48">
        <v>37.700000000000003</v>
      </c>
      <c r="G1087" s="48">
        <v>27</v>
      </c>
      <c r="H1087" s="48">
        <v>16.3</v>
      </c>
      <c r="I1087" s="48">
        <v>7.9</v>
      </c>
      <c r="J1087" s="48">
        <v>0</v>
      </c>
      <c r="K1087" s="56">
        <v>50</v>
      </c>
    </row>
    <row r="1088" spans="1:25" x14ac:dyDescent="0.2">
      <c r="B1088" s="7" t="s">
        <v>49</v>
      </c>
      <c r="C1088" s="4" t="s">
        <v>147</v>
      </c>
    </row>
    <row r="1089" spans="1:25" x14ac:dyDescent="0.2">
      <c r="B1089" s="4"/>
      <c r="C1089" s="4" t="s">
        <v>51</v>
      </c>
    </row>
    <row r="1091" spans="1:25" x14ac:dyDescent="0.2">
      <c r="A1091" s="26" t="s">
        <v>25</v>
      </c>
      <c r="B1091" t="s">
        <v>35</v>
      </c>
      <c r="C1091" t="s">
        <v>35</v>
      </c>
    </row>
    <row r="1092" spans="1:25" x14ac:dyDescent="0.2">
      <c r="B1092" s="70" t="s">
        <v>148</v>
      </c>
      <c r="C1092" s="71"/>
      <c r="D1092" s="71"/>
      <c r="E1092" s="71"/>
      <c r="F1092" s="71"/>
      <c r="G1092" s="71"/>
      <c r="H1092" s="71"/>
      <c r="I1092" s="71"/>
      <c r="J1092" s="71"/>
      <c r="K1092" s="71"/>
      <c r="L1092" s="71"/>
      <c r="M1092" s="71"/>
      <c r="N1092" s="71"/>
      <c r="O1092" s="71"/>
      <c r="P1092" s="71"/>
      <c r="Q1092" s="71"/>
      <c r="R1092" s="71"/>
      <c r="S1092" s="71"/>
      <c r="T1092" s="71"/>
      <c r="U1092" s="71"/>
      <c r="V1092" s="71"/>
      <c r="W1092" s="71"/>
      <c r="X1092" s="71"/>
      <c r="Y1092" s="71"/>
    </row>
    <row r="1093" spans="1:25" s="32" customFormat="1" ht="68.849999999999994" customHeight="1" x14ac:dyDescent="0.15">
      <c r="A1093" s="31"/>
      <c r="D1093" s="33" t="s">
        <v>341</v>
      </c>
      <c r="E1093" s="36" t="s">
        <v>526</v>
      </c>
      <c r="F1093" s="51" t="s">
        <v>527</v>
      </c>
      <c r="G1093" s="51" t="s">
        <v>528</v>
      </c>
      <c r="H1093" s="51" t="s">
        <v>529</v>
      </c>
      <c r="I1093" s="51" t="s">
        <v>443</v>
      </c>
      <c r="J1093" s="52" t="s">
        <v>350</v>
      </c>
      <c r="K1093" s="53" t="s">
        <v>351</v>
      </c>
      <c r="L1093" s="50" t="s">
        <v>344</v>
      </c>
    </row>
    <row r="1094" spans="1:25" x14ac:dyDescent="0.2">
      <c r="B1094" s="5"/>
      <c r="C1094" s="40" t="s">
        <v>38</v>
      </c>
      <c r="D1094" s="41">
        <v>4307</v>
      </c>
      <c r="E1094" s="42">
        <v>9.8000000000000007</v>
      </c>
      <c r="F1094" s="42">
        <v>40.1</v>
      </c>
      <c r="G1094" s="42">
        <v>27.4</v>
      </c>
      <c r="H1094" s="42">
        <v>15.3</v>
      </c>
      <c r="I1094" s="42">
        <v>7.4</v>
      </c>
      <c r="J1094" s="42">
        <v>0.9</v>
      </c>
      <c r="K1094" s="54">
        <v>50</v>
      </c>
    </row>
    <row r="1095" spans="1:25" x14ac:dyDescent="0.2">
      <c r="B1095" s="72" t="s">
        <v>37</v>
      </c>
      <c r="C1095" s="38" t="s">
        <v>39</v>
      </c>
      <c r="D1095" s="44">
        <v>1325</v>
      </c>
      <c r="E1095" s="45">
        <v>10.6</v>
      </c>
      <c r="F1095" s="45">
        <v>40.5</v>
      </c>
      <c r="G1095" s="45">
        <v>26.6</v>
      </c>
      <c r="H1095" s="45">
        <v>14.5</v>
      </c>
      <c r="I1095" s="45">
        <v>7.8</v>
      </c>
      <c r="J1095" s="45">
        <v>3.3</v>
      </c>
      <c r="K1095" s="55">
        <v>50</v>
      </c>
    </row>
    <row r="1096" spans="1:25" x14ac:dyDescent="0.2">
      <c r="B1096" s="72"/>
      <c r="C1096" s="38" t="s">
        <v>40</v>
      </c>
      <c r="D1096" s="44">
        <v>675</v>
      </c>
      <c r="E1096" s="45">
        <v>10.1</v>
      </c>
      <c r="F1096" s="45">
        <v>40.1</v>
      </c>
      <c r="G1096" s="45">
        <v>26.2</v>
      </c>
      <c r="H1096" s="45">
        <v>16.100000000000001</v>
      </c>
      <c r="I1096" s="45">
        <v>7.4</v>
      </c>
      <c r="J1096" s="45">
        <v>1</v>
      </c>
      <c r="K1096" s="55">
        <v>50</v>
      </c>
    </row>
    <row r="1097" spans="1:25" x14ac:dyDescent="0.2">
      <c r="B1097" s="72"/>
      <c r="C1097" s="38" t="s">
        <v>41</v>
      </c>
      <c r="D1097" s="44">
        <v>168</v>
      </c>
      <c r="E1097" s="45">
        <v>11.9</v>
      </c>
      <c r="F1097" s="45">
        <v>34.5</v>
      </c>
      <c r="G1097" s="45">
        <v>33.299999999999997</v>
      </c>
      <c r="H1097" s="45">
        <v>11.3</v>
      </c>
      <c r="I1097" s="45">
        <v>8.9</v>
      </c>
      <c r="J1097" s="45">
        <v>1.3</v>
      </c>
      <c r="K1097" s="55">
        <v>50</v>
      </c>
    </row>
    <row r="1098" spans="1:25" x14ac:dyDescent="0.2">
      <c r="B1098" s="72"/>
      <c r="C1098" s="38" t="s">
        <v>42</v>
      </c>
      <c r="D1098" s="44">
        <v>290</v>
      </c>
      <c r="E1098" s="45">
        <v>8.6</v>
      </c>
      <c r="F1098" s="45">
        <v>41.4</v>
      </c>
      <c r="G1098" s="45">
        <v>30</v>
      </c>
      <c r="H1098" s="45">
        <v>13.4</v>
      </c>
      <c r="I1098" s="45">
        <v>6.6</v>
      </c>
      <c r="J1098" s="45">
        <v>0.9</v>
      </c>
      <c r="K1098" s="55">
        <v>50</v>
      </c>
    </row>
    <row r="1099" spans="1:25" x14ac:dyDescent="0.2">
      <c r="B1099" s="72"/>
      <c r="C1099" s="38" t="s">
        <v>43</v>
      </c>
      <c r="D1099" s="44">
        <v>231</v>
      </c>
      <c r="E1099" s="45">
        <v>11.7</v>
      </c>
      <c r="F1099" s="45">
        <v>31.6</v>
      </c>
      <c r="G1099" s="45">
        <v>29.4</v>
      </c>
      <c r="H1099" s="45">
        <v>22.1</v>
      </c>
      <c r="I1099" s="45">
        <v>5.2</v>
      </c>
      <c r="J1099" s="45">
        <v>-9.8000000000000007</v>
      </c>
      <c r="K1099" s="55">
        <v>-50</v>
      </c>
    </row>
    <row r="1100" spans="1:25" x14ac:dyDescent="0.2">
      <c r="B1100" s="72"/>
      <c r="C1100" s="38" t="s">
        <v>44</v>
      </c>
      <c r="D1100" s="44">
        <v>800</v>
      </c>
      <c r="E1100" s="45">
        <v>7.9</v>
      </c>
      <c r="F1100" s="45">
        <v>43</v>
      </c>
      <c r="G1100" s="45">
        <v>25.6</v>
      </c>
      <c r="H1100" s="45">
        <v>15.5</v>
      </c>
      <c r="I1100" s="45">
        <v>8</v>
      </c>
      <c r="J1100" s="45">
        <v>1.2</v>
      </c>
      <c r="K1100" s="55">
        <v>50</v>
      </c>
    </row>
    <row r="1101" spans="1:25" x14ac:dyDescent="0.2">
      <c r="B1101" s="72"/>
      <c r="C1101" s="38" t="s">
        <v>45</v>
      </c>
      <c r="D1101" s="44">
        <v>240</v>
      </c>
      <c r="E1101" s="45">
        <v>9.1999999999999993</v>
      </c>
      <c r="F1101" s="45">
        <v>41.3</v>
      </c>
      <c r="G1101" s="45">
        <v>27.9</v>
      </c>
      <c r="H1101" s="45">
        <v>17.100000000000001</v>
      </c>
      <c r="I1101" s="45">
        <v>4.5999999999999996</v>
      </c>
      <c r="J1101" s="45">
        <v>-1.3</v>
      </c>
      <c r="K1101" s="55">
        <v>50</v>
      </c>
    </row>
    <row r="1102" spans="1:25" x14ac:dyDescent="0.2">
      <c r="B1102" s="72"/>
      <c r="C1102" s="38" t="s">
        <v>46</v>
      </c>
      <c r="D1102" s="44">
        <v>117</v>
      </c>
      <c r="E1102" s="45">
        <v>9.4</v>
      </c>
      <c r="F1102" s="45">
        <v>40.200000000000003</v>
      </c>
      <c r="G1102" s="45">
        <v>29.1</v>
      </c>
      <c r="H1102" s="45">
        <v>16.2</v>
      </c>
      <c r="I1102" s="45">
        <v>5.0999999999999996</v>
      </c>
      <c r="J1102" s="45">
        <v>-1.4</v>
      </c>
      <c r="K1102" s="55">
        <v>50</v>
      </c>
    </row>
    <row r="1103" spans="1:25" x14ac:dyDescent="0.2">
      <c r="B1103" s="72"/>
      <c r="C1103" s="38" t="s">
        <v>47</v>
      </c>
      <c r="D1103" s="44">
        <v>461</v>
      </c>
      <c r="E1103" s="45">
        <v>10</v>
      </c>
      <c r="F1103" s="45">
        <v>39</v>
      </c>
      <c r="G1103" s="45">
        <v>28.6</v>
      </c>
      <c r="H1103" s="45">
        <v>14.3</v>
      </c>
      <c r="I1103" s="45">
        <v>8</v>
      </c>
      <c r="J1103" s="45">
        <v>0.9</v>
      </c>
      <c r="K1103" s="55">
        <v>50</v>
      </c>
    </row>
    <row r="1104" spans="1:25" ht="21.6" x14ac:dyDescent="0.2">
      <c r="B1104" s="72"/>
      <c r="C1104" s="39" t="s">
        <v>48</v>
      </c>
      <c r="D1104" s="47">
        <v>2307</v>
      </c>
      <c r="E1104" s="48">
        <v>9.3000000000000007</v>
      </c>
      <c r="F1104" s="48">
        <v>39.9</v>
      </c>
      <c r="G1104" s="48">
        <v>28.1</v>
      </c>
      <c r="H1104" s="48">
        <v>15.6</v>
      </c>
      <c r="I1104" s="48">
        <v>7.1</v>
      </c>
      <c r="J1104" s="48">
        <v>-0.4</v>
      </c>
      <c r="K1104" s="56">
        <v>50</v>
      </c>
    </row>
    <row r="1105" spans="1:25" x14ac:dyDescent="0.2">
      <c r="B1105" s="7" t="s">
        <v>49</v>
      </c>
      <c r="C1105" s="4" t="s">
        <v>149</v>
      </c>
    </row>
    <row r="1106" spans="1:25" x14ac:dyDescent="0.2">
      <c r="B1106" s="4"/>
      <c r="C1106" s="4" t="s">
        <v>51</v>
      </c>
    </row>
    <row r="1108" spans="1:25" x14ac:dyDescent="0.2">
      <c r="A1108" s="26" t="s">
        <v>25</v>
      </c>
      <c r="B1108" t="s">
        <v>35</v>
      </c>
      <c r="C1108" t="s">
        <v>35</v>
      </c>
    </row>
    <row r="1109" spans="1:25" x14ac:dyDescent="0.2">
      <c r="B1109" s="70" t="s">
        <v>150</v>
      </c>
      <c r="C1109" s="71"/>
      <c r="D1109" s="71"/>
      <c r="E1109" s="71"/>
      <c r="F1109" s="71"/>
      <c r="G1109" s="71"/>
      <c r="H1109" s="71"/>
      <c r="I1109" s="71"/>
      <c r="J1109" s="71"/>
      <c r="K1109" s="71"/>
      <c r="L1109" s="71"/>
      <c r="M1109" s="71"/>
      <c r="N1109" s="71"/>
      <c r="O1109" s="71"/>
      <c r="P1109" s="71"/>
      <c r="Q1109" s="71"/>
      <c r="R1109" s="71"/>
      <c r="S1109" s="71"/>
      <c r="T1109" s="71"/>
      <c r="U1109" s="71"/>
      <c r="V1109" s="71"/>
      <c r="W1109" s="71"/>
      <c r="X1109" s="71"/>
      <c r="Y1109" s="71"/>
    </row>
    <row r="1110" spans="1:25" s="32" customFormat="1" ht="36.450000000000003" customHeight="1" x14ac:dyDescent="0.15">
      <c r="A1110" s="31"/>
      <c r="D1110" s="33" t="s">
        <v>341</v>
      </c>
      <c r="E1110" s="36" t="s">
        <v>530</v>
      </c>
      <c r="F1110" s="51" t="s">
        <v>531</v>
      </c>
      <c r="G1110" s="37" t="s">
        <v>443</v>
      </c>
      <c r="H1110" s="35" t="s">
        <v>344</v>
      </c>
    </row>
    <row r="1111" spans="1:25" x14ac:dyDescent="0.2">
      <c r="B1111" s="5"/>
      <c r="C1111" s="40" t="s">
        <v>38</v>
      </c>
      <c r="D1111" s="41">
        <v>4307</v>
      </c>
      <c r="E1111" s="42">
        <v>44.2</v>
      </c>
      <c r="F1111" s="42">
        <v>48.3</v>
      </c>
      <c r="G1111" s="43">
        <v>7.5</v>
      </c>
    </row>
    <row r="1112" spans="1:25" x14ac:dyDescent="0.2">
      <c r="B1112" s="72" t="s">
        <v>37</v>
      </c>
      <c r="C1112" s="38" t="s">
        <v>39</v>
      </c>
      <c r="D1112" s="44">
        <v>1325</v>
      </c>
      <c r="E1112" s="45">
        <v>44.5</v>
      </c>
      <c r="F1112" s="45">
        <v>48.5</v>
      </c>
      <c r="G1112" s="46">
        <v>7</v>
      </c>
    </row>
    <row r="1113" spans="1:25" x14ac:dyDescent="0.2">
      <c r="B1113" s="72"/>
      <c r="C1113" s="38" t="s">
        <v>40</v>
      </c>
      <c r="D1113" s="44">
        <v>675</v>
      </c>
      <c r="E1113" s="45">
        <v>42.8</v>
      </c>
      <c r="F1113" s="45">
        <v>48.7</v>
      </c>
      <c r="G1113" s="46">
        <v>8.4</v>
      </c>
    </row>
    <row r="1114" spans="1:25" x14ac:dyDescent="0.2">
      <c r="B1114" s="72"/>
      <c r="C1114" s="38" t="s">
        <v>41</v>
      </c>
      <c r="D1114" s="44">
        <v>168</v>
      </c>
      <c r="E1114" s="45">
        <v>42.3</v>
      </c>
      <c r="F1114" s="45">
        <v>51.2</v>
      </c>
      <c r="G1114" s="46">
        <v>6.5</v>
      </c>
    </row>
    <row r="1115" spans="1:25" x14ac:dyDescent="0.2">
      <c r="B1115" s="72"/>
      <c r="C1115" s="38" t="s">
        <v>42</v>
      </c>
      <c r="D1115" s="44">
        <v>290</v>
      </c>
      <c r="E1115" s="45">
        <v>45.9</v>
      </c>
      <c r="F1115" s="45">
        <v>45.9</v>
      </c>
      <c r="G1115" s="46">
        <v>8.3000000000000007</v>
      </c>
    </row>
    <row r="1116" spans="1:25" x14ac:dyDescent="0.2">
      <c r="B1116" s="72"/>
      <c r="C1116" s="38" t="s">
        <v>43</v>
      </c>
      <c r="D1116" s="44">
        <v>231</v>
      </c>
      <c r="E1116" s="45">
        <v>44.2</v>
      </c>
      <c r="F1116" s="45">
        <v>50.2</v>
      </c>
      <c r="G1116" s="46">
        <v>5.6</v>
      </c>
    </row>
    <row r="1117" spans="1:25" x14ac:dyDescent="0.2">
      <c r="B1117" s="72"/>
      <c r="C1117" s="38" t="s">
        <v>44</v>
      </c>
      <c r="D1117" s="44">
        <v>800</v>
      </c>
      <c r="E1117" s="45">
        <v>44</v>
      </c>
      <c r="F1117" s="45">
        <v>48</v>
      </c>
      <c r="G1117" s="46">
        <v>8</v>
      </c>
    </row>
    <row r="1118" spans="1:25" x14ac:dyDescent="0.2">
      <c r="B1118" s="72"/>
      <c r="C1118" s="38" t="s">
        <v>45</v>
      </c>
      <c r="D1118" s="44">
        <v>240</v>
      </c>
      <c r="E1118" s="45">
        <v>42.5</v>
      </c>
      <c r="F1118" s="45">
        <v>50</v>
      </c>
      <c r="G1118" s="46">
        <v>7.5</v>
      </c>
    </row>
    <row r="1119" spans="1:25" x14ac:dyDescent="0.2">
      <c r="B1119" s="72"/>
      <c r="C1119" s="38" t="s">
        <v>46</v>
      </c>
      <c r="D1119" s="44">
        <v>117</v>
      </c>
      <c r="E1119" s="45">
        <v>50.4</v>
      </c>
      <c r="F1119" s="45">
        <v>44.4</v>
      </c>
      <c r="G1119" s="46">
        <v>5.0999999999999996</v>
      </c>
    </row>
    <row r="1120" spans="1:25" x14ac:dyDescent="0.2">
      <c r="B1120" s="72"/>
      <c r="C1120" s="38" t="s">
        <v>47</v>
      </c>
      <c r="D1120" s="44">
        <v>461</v>
      </c>
      <c r="E1120" s="45">
        <v>44.7</v>
      </c>
      <c r="F1120" s="45">
        <v>47.1</v>
      </c>
      <c r="G1120" s="46">
        <v>8.1999999999999993</v>
      </c>
    </row>
    <row r="1121" spans="1:25" ht="21.6" x14ac:dyDescent="0.2">
      <c r="B1121" s="72"/>
      <c r="C1121" s="39" t="s">
        <v>48</v>
      </c>
      <c r="D1121" s="47">
        <v>2307</v>
      </c>
      <c r="E1121" s="48">
        <v>44.4</v>
      </c>
      <c r="F1121" s="48">
        <v>48</v>
      </c>
      <c r="G1121" s="49">
        <v>7.5</v>
      </c>
    </row>
    <row r="1123" spans="1:25" x14ac:dyDescent="0.2">
      <c r="A1123" s="26" t="s">
        <v>25</v>
      </c>
      <c r="B1123" t="s">
        <v>35</v>
      </c>
      <c r="C1123" t="s">
        <v>35</v>
      </c>
    </row>
    <row r="1124" spans="1:25" x14ac:dyDescent="0.2">
      <c r="B1124" s="70" t="s">
        <v>151</v>
      </c>
      <c r="C1124" s="71"/>
      <c r="D1124" s="71"/>
      <c r="E1124" s="71"/>
      <c r="F1124" s="71"/>
      <c r="G1124" s="71"/>
      <c r="H1124" s="71"/>
      <c r="I1124" s="71"/>
      <c r="J1124" s="71"/>
      <c r="K1124" s="71"/>
      <c r="L1124" s="71"/>
      <c r="M1124" s="71"/>
      <c r="N1124" s="71"/>
      <c r="O1124" s="71"/>
      <c r="P1124" s="71"/>
      <c r="Q1124" s="71"/>
      <c r="R1124" s="71"/>
      <c r="S1124" s="71"/>
      <c r="T1124" s="71"/>
      <c r="U1124" s="71"/>
      <c r="V1124" s="71"/>
      <c r="W1124" s="71"/>
      <c r="X1124" s="71"/>
      <c r="Y1124" s="71"/>
    </row>
    <row r="1125" spans="1:25" s="32" customFormat="1" ht="36.450000000000003" customHeight="1" x14ac:dyDescent="0.15">
      <c r="A1125" s="31"/>
      <c r="D1125" s="33" t="s">
        <v>341</v>
      </c>
      <c r="E1125" s="36" t="s">
        <v>530</v>
      </c>
      <c r="F1125" s="51" t="s">
        <v>531</v>
      </c>
      <c r="G1125" s="37" t="s">
        <v>443</v>
      </c>
      <c r="H1125" s="35" t="s">
        <v>344</v>
      </c>
    </row>
    <row r="1126" spans="1:25" x14ac:dyDescent="0.2">
      <c r="B1126" s="5"/>
      <c r="C1126" s="40" t="s">
        <v>38</v>
      </c>
      <c r="D1126" s="41">
        <v>4307</v>
      </c>
      <c r="E1126" s="42">
        <v>41.2</v>
      </c>
      <c r="F1126" s="42">
        <v>47.9</v>
      </c>
      <c r="G1126" s="43">
        <v>10.9</v>
      </c>
    </row>
    <row r="1127" spans="1:25" x14ac:dyDescent="0.2">
      <c r="B1127" s="72" t="s">
        <v>37</v>
      </c>
      <c r="C1127" s="38" t="s">
        <v>39</v>
      </c>
      <c r="D1127" s="44">
        <v>1325</v>
      </c>
      <c r="E1127" s="45">
        <v>41.9</v>
      </c>
      <c r="F1127" s="45">
        <v>48.4</v>
      </c>
      <c r="G1127" s="46">
        <v>9.6999999999999993</v>
      </c>
    </row>
    <row r="1128" spans="1:25" x14ac:dyDescent="0.2">
      <c r="B1128" s="72"/>
      <c r="C1128" s="38" t="s">
        <v>40</v>
      </c>
      <c r="D1128" s="44">
        <v>675</v>
      </c>
      <c r="E1128" s="45">
        <v>37</v>
      </c>
      <c r="F1128" s="45">
        <v>51.1</v>
      </c>
      <c r="G1128" s="46">
        <v>11.9</v>
      </c>
    </row>
    <row r="1129" spans="1:25" x14ac:dyDescent="0.2">
      <c r="B1129" s="72"/>
      <c r="C1129" s="38" t="s">
        <v>41</v>
      </c>
      <c r="D1129" s="44">
        <v>168</v>
      </c>
      <c r="E1129" s="45">
        <v>47.6</v>
      </c>
      <c r="F1129" s="45">
        <v>42.3</v>
      </c>
      <c r="G1129" s="46">
        <v>10.1</v>
      </c>
    </row>
    <row r="1130" spans="1:25" x14ac:dyDescent="0.2">
      <c r="B1130" s="72"/>
      <c r="C1130" s="38" t="s">
        <v>42</v>
      </c>
      <c r="D1130" s="44">
        <v>290</v>
      </c>
      <c r="E1130" s="45">
        <v>37.9</v>
      </c>
      <c r="F1130" s="45">
        <v>48.6</v>
      </c>
      <c r="G1130" s="46">
        <v>13.4</v>
      </c>
    </row>
    <row r="1131" spans="1:25" x14ac:dyDescent="0.2">
      <c r="B1131" s="72"/>
      <c r="C1131" s="38" t="s">
        <v>43</v>
      </c>
      <c r="D1131" s="44">
        <v>231</v>
      </c>
      <c r="E1131" s="45">
        <v>43.7</v>
      </c>
      <c r="F1131" s="45">
        <v>47.6</v>
      </c>
      <c r="G1131" s="46">
        <v>8.6999999999999993</v>
      </c>
    </row>
    <row r="1132" spans="1:25" x14ac:dyDescent="0.2">
      <c r="B1132" s="72"/>
      <c r="C1132" s="38" t="s">
        <v>44</v>
      </c>
      <c r="D1132" s="44">
        <v>800</v>
      </c>
      <c r="E1132" s="45">
        <v>40.6</v>
      </c>
      <c r="F1132" s="45">
        <v>47.6</v>
      </c>
      <c r="G1132" s="46">
        <v>11.8</v>
      </c>
    </row>
    <row r="1133" spans="1:25" x14ac:dyDescent="0.2">
      <c r="B1133" s="72"/>
      <c r="C1133" s="38" t="s">
        <v>45</v>
      </c>
      <c r="D1133" s="44">
        <v>240</v>
      </c>
      <c r="E1133" s="45">
        <v>40.799999999999997</v>
      </c>
      <c r="F1133" s="45">
        <v>45.4</v>
      </c>
      <c r="G1133" s="46">
        <v>13.8</v>
      </c>
    </row>
    <row r="1134" spans="1:25" x14ac:dyDescent="0.2">
      <c r="B1134" s="72"/>
      <c r="C1134" s="38" t="s">
        <v>46</v>
      </c>
      <c r="D1134" s="44">
        <v>117</v>
      </c>
      <c r="E1134" s="45">
        <v>48.7</v>
      </c>
      <c r="F1134" s="45">
        <v>43.6</v>
      </c>
      <c r="G1134" s="46">
        <v>7.7</v>
      </c>
    </row>
    <row r="1135" spans="1:25" x14ac:dyDescent="0.2">
      <c r="B1135" s="72"/>
      <c r="C1135" s="38" t="s">
        <v>47</v>
      </c>
      <c r="D1135" s="44">
        <v>461</v>
      </c>
      <c r="E1135" s="45">
        <v>42.7</v>
      </c>
      <c r="F1135" s="45">
        <v>46.4</v>
      </c>
      <c r="G1135" s="46">
        <v>10.8</v>
      </c>
    </row>
    <row r="1136" spans="1:25" ht="21.6" x14ac:dyDescent="0.2">
      <c r="B1136" s="72"/>
      <c r="C1136" s="39" t="s">
        <v>48</v>
      </c>
      <c r="D1136" s="47">
        <v>2307</v>
      </c>
      <c r="E1136" s="48">
        <v>42</v>
      </c>
      <c r="F1136" s="48">
        <v>46.7</v>
      </c>
      <c r="G1136" s="49">
        <v>11.4</v>
      </c>
    </row>
    <row r="1138" spans="1:25" x14ac:dyDescent="0.2">
      <c r="A1138" s="26" t="s">
        <v>25</v>
      </c>
      <c r="B1138" t="s">
        <v>35</v>
      </c>
      <c r="C1138" t="s">
        <v>35</v>
      </c>
    </row>
    <row r="1139" spans="1:25" x14ac:dyDescent="0.2">
      <c r="B1139" s="70" t="s">
        <v>152</v>
      </c>
      <c r="C1139" s="71"/>
      <c r="D1139" s="71"/>
      <c r="E1139" s="71"/>
      <c r="F1139" s="71"/>
      <c r="G1139" s="71"/>
      <c r="H1139" s="71"/>
      <c r="I1139" s="71"/>
      <c r="J1139" s="71"/>
      <c r="K1139" s="71"/>
      <c r="L1139" s="71"/>
      <c r="M1139" s="71"/>
      <c r="N1139" s="71"/>
      <c r="O1139" s="71"/>
      <c r="P1139" s="71"/>
      <c r="Q1139" s="71"/>
      <c r="R1139" s="71"/>
      <c r="S1139" s="71"/>
      <c r="T1139" s="71"/>
      <c r="U1139" s="71"/>
      <c r="V1139" s="71"/>
      <c r="W1139" s="71"/>
      <c r="X1139" s="71"/>
      <c r="Y1139" s="71"/>
    </row>
    <row r="1140" spans="1:25" s="32" customFormat="1" ht="36.450000000000003" customHeight="1" x14ac:dyDescent="0.15">
      <c r="A1140" s="31"/>
      <c r="D1140" s="33" t="s">
        <v>341</v>
      </c>
      <c r="E1140" s="36" t="s">
        <v>530</v>
      </c>
      <c r="F1140" s="51" t="s">
        <v>531</v>
      </c>
      <c r="G1140" s="37" t="s">
        <v>443</v>
      </c>
      <c r="H1140" s="35" t="s">
        <v>344</v>
      </c>
    </row>
    <row r="1141" spans="1:25" x14ac:dyDescent="0.2">
      <c r="B1141" s="5"/>
      <c r="C1141" s="40" t="s">
        <v>38</v>
      </c>
      <c r="D1141" s="41">
        <v>4307</v>
      </c>
      <c r="E1141" s="42">
        <v>29.1</v>
      </c>
      <c r="F1141" s="42">
        <v>60.9</v>
      </c>
      <c r="G1141" s="43">
        <v>10</v>
      </c>
    </row>
    <row r="1142" spans="1:25" x14ac:dyDescent="0.2">
      <c r="B1142" s="72" t="s">
        <v>37</v>
      </c>
      <c r="C1142" s="38" t="s">
        <v>39</v>
      </c>
      <c r="D1142" s="44">
        <v>1325</v>
      </c>
      <c r="E1142" s="45">
        <v>31.2</v>
      </c>
      <c r="F1142" s="45">
        <v>60.5</v>
      </c>
      <c r="G1142" s="46">
        <v>8.4</v>
      </c>
    </row>
    <row r="1143" spans="1:25" x14ac:dyDescent="0.2">
      <c r="B1143" s="72"/>
      <c r="C1143" s="38" t="s">
        <v>40</v>
      </c>
      <c r="D1143" s="44">
        <v>675</v>
      </c>
      <c r="E1143" s="45">
        <v>28.4</v>
      </c>
      <c r="F1143" s="45">
        <v>60.4</v>
      </c>
      <c r="G1143" s="46">
        <v>11.1</v>
      </c>
    </row>
    <row r="1144" spans="1:25" x14ac:dyDescent="0.2">
      <c r="B1144" s="72"/>
      <c r="C1144" s="38" t="s">
        <v>41</v>
      </c>
      <c r="D1144" s="44">
        <v>168</v>
      </c>
      <c r="E1144" s="45">
        <v>29.8</v>
      </c>
      <c r="F1144" s="45">
        <v>61.9</v>
      </c>
      <c r="G1144" s="46">
        <v>8.3000000000000007</v>
      </c>
    </row>
    <row r="1145" spans="1:25" x14ac:dyDescent="0.2">
      <c r="B1145" s="72"/>
      <c r="C1145" s="38" t="s">
        <v>42</v>
      </c>
      <c r="D1145" s="44">
        <v>290</v>
      </c>
      <c r="E1145" s="45">
        <v>28.3</v>
      </c>
      <c r="F1145" s="45">
        <v>60.3</v>
      </c>
      <c r="G1145" s="46">
        <v>11.4</v>
      </c>
    </row>
    <row r="1146" spans="1:25" x14ac:dyDescent="0.2">
      <c r="B1146" s="72"/>
      <c r="C1146" s="38" t="s">
        <v>43</v>
      </c>
      <c r="D1146" s="44">
        <v>231</v>
      </c>
      <c r="E1146" s="45">
        <v>28.1</v>
      </c>
      <c r="F1146" s="45">
        <v>64.099999999999994</v>
      </c>
      <c r="G1146" s="46">
        <v>7.8</v>
      </c>
    </row>
    <row r="1147" spans="1:25" x14ac:dyDescent="0.2">
      <c r="B1147" s="72"/>
      <c r="C1147" s="38" t="s">
        <v>44</v>
      </c>
      <c r="D1147" s="44">
        <v>800</v>
      </c>
      <c r="E1147" s="45">
        <v>27.3</v>
      </c>
      <c r="F1147" s="45">
        <v>60.9</v>
      </c>
      <c r="G1147" s="46">
        <v>11.9</v>
      </c>
    </row>
    <row r="1148" spans="1:25" x14ac:dyDescent="0.2">
      <c r="B1148" s="72"/>
      <c r="C1148" s="38" t="s">
        <v>45</v>
      </c>
      <c r="D1148" s="44">
        <v>240</v>
      </c>
      <c r="E1148" s="45">
        <v>27.9</v>
      </c>
      <c r="F1148" s="45">
        <v>62.5</v>
      </c>
      <c r="G1148" s="46">
        <v>9.6</v>
      </c>
    </row>
    <row r="1149" spans="1:25" x14ac:dyDescent="0.2">
      <c r="B1149" s="72"/>
      <c r="C1149" s="38" t="s">
        <v>46</v>
      </c>
      <c r="D1149" s="44">
        <v>117</v>
      </c>
      <c r="E1149" s="45">
        <v>27.4</v>
      </c>
      <c r="F1149" s="45">
        <v>62.4</v>
      </c>
      <c r="G1149" s="46">
        <v>10.3</v>
      </c>
    </row>
    <row r="1150" spans="1:25" x14ac:dyDescent="0.2">
      <c r="B1150" s="72"/>
      <c r="C1150" s="38" t="s">
        <v>47</v>
      </c>
      <c r="D1150" s="44">
        <v>461</v>
      </c>
      <c r="E1150" s="45">
        <v>29.3</v>
      </c>
      <c r="F1150" s="45">
        <v>60.3</v>
      </c>
      <c r="G1150" s="46">
        <v>10.4</v>
      </c>
    </row>
    <row r="1151" spans="1:25" ht="21.6" x14ac:dyDescent="0.2">
      <c r="B1151" s="72"/>
      <c r="C1151" s="39" t="s">
        <v>48</v>
      </c>
      <c r="D1151" s="47">
        <v>2307</v>
      </c>
      <c r="E1151" s="48">
        <v>28.1</v>
      </c>
      <c r="F1151" s="48">
        <v>61.3</v>
      </c>
      <c r="G1151" s="49">
        <v>10.5</v>
      </c>
    </row>
    <row r="1153" spans="1:25" x14ac:dyDescent="0.2">
      <c r="A1153" s="26" t="s">
        <v>25</v>
      </c>
      <c r="B1153" t="s">
        <v>35</v>
      </c>
      <c r="C1153" t="s">
        <v>35</v>
      </c>
    </row>
    <row r="1154" spans="1:25" x14ac:dyDescent="0.2">
      <c r="B1154" s="70" t="s">
        <v>153</v>
      </c>
      <c r="C1154" s="71"/>
      <c r="D1154" s="71"/>
      <c r="E1154" s="71"/>
      <c r="F1154" s="71"/>
      <c r="G1154" s="71"/>
      <c r="H1154" s="71"/>
      <c r="I1154" s="71"/>
      <c r="J1154" s="71"/>
      <c r="K1154" s="71"/>
      <c r="L1154" s="71"/>
      <c r="M1154" s="71"/>
      <c r="N1154" s="71"/>
      <c r="O1154" s="71"/>
      <c r="P1154" s="71"/>
      <c r="Q1154" s="71"/>
      <c r="R1154" s="71"/>
      <c r="S1154" s="71"/>
      <c r="T1154" s="71"/>
      <c r="U1154" s="71"/>
      <c r="V1154" s="71"/>
      <c r="W1154" s="71"/>
      <c r="X1154" s="71"/>
      <c r="Y1154" s="71"/>
    </row>
    <row r="1155" spans="1:25" s="32" customFormat="1" ht="36.450000000000003" customHeight="1" x14ac:dyDescent="0.15">
      <c r="A1155" s="31"/>
      <c r="D1155" s="33" t="s">
        <v>341</v>
      </c>
      <c r="E1155" s="36" t="s">
        <v>530</v>
      </c>
      <c r="F1155" s="51" t="s">
        <v>531</v>
      </c>
      <c r="G1155" s="37" t="s">
        <v>443</v>
      </c>
      <c r="H1155" s="35" t="s">
        <v>344</v>
      </c>
    </row>
    <row r="1156" spans="1:25" x14ac:dyDescent="0.2">
      <c r="B1156" s="5"/>
      <c r="C1156" s="40" t="s">
        <v>38</v>
      </c>
      <c r="D1156" s="41">
        <v>4307</v>
      </c>
      <c r="E1156" s="42">
        <v>46.2</v>
      </c>
      <c r="F1156" s="42">
        <v>45.9</v>
      </c>
      <c r="G1156" s="43">
        <v>7.9</v>
      </c>
    </row>
    <row r="1157" spans="1:25" x14ac:dyDescent="0.2">
      <c r="B1157" s="72" t="s">
        <v>37</v>
      </c>
      <c r="C1157" s="38" t="s">
        <v>39</v>
      </c>
      <c r="D1157" s="44">
        <v>1325</v>
      </c>
      <c r="E1157" s="45">
        <v>47.8</v>
      </c>
      <c r="F1157" s="45">
        <v>45.1</v>
      </c>
      <c r="G1157" s="46">
        <v>7.1</v>
      </c>
    </row>
    <row r="1158" spans="1:25" x14ac:dyDescent="0.2">
      <c r="B1158" s="72"/>
      <c r="C1158" s="38" t="s">
        <v>40</v>
      </c>
      <c r="D1158" s="44">
        <v>675</v>
      </c>
      <c r="E1158" s="45">
        <v>45.5</v>
      </c>
      <c r="F1158" s="45">
        <v>46.4</v>
      </c>
      <c r="G1158" s="46">
        <v>8.1</v>
      </c>
    </row>
    <row r="1159" spans="1:25" x14ac:dyDescent="0.2">
      <c r="B1159" s="72"/>
      <c r="C1159" s="38" t="s">
        <v>41</v>
      </c>
      <c r="D1159" s="44">
        <v>168</v>
      </c>
      <c r="E1159" s="45">
        <v>45.8</v>
      </c>
      <c r="F1159" s="45">
        <v>45.8</v>
      </c>
      <c r="G1159" s="46">
        <v>8.3000000000000007</v>
      </c>
    </row>
    <row r="1160" spans="1:25" x14ac:dyDescent="0.2">
      <c r="B1160" s="72"/>
      <c r="C1160" s="38" t="s">
        <v>42</v>
      </c>
      <c r="D1160" s="44">
        <v>290</v>
      </c>
      <c r="E1160" s="45">
        <v>42.1</v>
      </c>
      <c r="F1160" s="45">
        <v>49.3</v>
      </c>
      <c r="G1160" s="46">
        <v>8.6</v>
      </c>
    </row>
    <row r="1161" spans="1:25" x14ac:dyDescent="0.2">
      <c r="B1161" s="72"/>
      <c r="C1161" s="38" t="s">
        <v>43</v>
      </c>
      <c r="D1161" s="44">
        <v>231</v>
      </c>
      <c r="E1161" s="45">
        <v>47.2</v>
      </c>
      <c r="F1161" s="45">
        <v>45.5</v>
      </c>
      <c r="G1161" s="46">
        <v>7.4</v>
      </c>
    </row>
    <row r="1162" spans="1:25" x14ac:dyDescent="0.2">
      <c r="B1162" s="72"/>
      <c r="C1162" s="38" t="s">
        <v>44</v>
      </c>
      <c r="D1162" s="44">
        <v>800</v>
      </c>
      <c r="E1162" s="45">
        <v>46.5</v>
      </c>
      <c r="F1162" s="45">
        <v>43.9</v>
      </c>
      <c r="G1162" s="46">
        <v>9.6</v>
      </c>
    </row>
    <row r="1163" spans="1:25" x14ac:dyDescent="0.2">
      <c r="B1163" s="72"/>
      <c r="C1163" s="38" t="s">
        <v>45</v>
      </c>
      <c r="D1163" s="44">
        <v>240</v>
      </c>
      <c r="E1163" s="45">
        <v>44.6</v>
      </c>
      <c r="F1163" s="45">
        <v>48.8</v>
      </c>
      <c r="G1163" s="46">
        <v>6.7</v>
      </c>
    </row>
    <row r="1164" spans="1:25" x14ac:dyDescent="0.2">
      <c r="B1164" s="72"/>
      <c r="C1164" s="38" t="s">
        <v>46</v>
      </c>
      <c r="D1164" s="44">
        <v>117</v>
      </c>
      <c r="E1164" s="45">
        <v>44.4</v>
      </c>
      <c r="F1164" s="45">
        <v>49.6</v>
      </c>
      <c r="G1164" s="46">
        <v>6</v>
      </c>
    </row>
    <row r="1165" spans="1:25" x14ac:dyDescent="0.2">
      <c r="B1165" s="72"/>
      <c r="C1165" s="38" t="s">
        <v>47</v>
      </c>
      <c r="D1165" s="44">
        <v>461</v>
      </c>
      <c r="E1165" s="45">
        <v>45.1</v>
      </c>
      <c r="F1165" s="45">
        <v>46.9</v>
      </c>
      <c r="G1165" s="46">
        <v>8</v>
      </c>
    </row>
    <row r="1166" spans="1:25" ht="21.6" x14ac:dyDescent="0.2">
      <c r="B1166" s="72"/>
      <c r="C1166" s="39" t="s">
        <v>48</v>
      </c>
      <c r="D1166" s="47">
        <v>2307</v>
      </c>
      <c r="E1166" s="48">
        <v>45.4</v>
      </c>
      <c r="F1166" s="48">
        <v>46.3</v>
      </c>
      <c r="G1166" s="49">
        <v>8.4</v>
      </c>
    </row>
    <row r="1168" spans="1:25" x14ac:dyDescent="0.2">
      <c r="A1168" s="26" t="s">
        <v>25</v>
      </c>
      <c r="B1168" t="s">
        <v>35</v>
      </c>
      <c r="C1168" t="s">
        <v>35</v>
      </c>
    </row>
    <row r="1169" spans="1:25" x14ac:dyDescent="0.2">
      <c r="B1169" s="70" t="s">
        <v>154</v>
      </c>
      <c r="C1169" s="71"/>
      <c r="D1169" s="71"/>
      <c r="E1169" s="71"/>
      <c r="F1169" s="71"/>
      <c r="G1169" s="71"/>
      <c r="H1169" s="71"/>
      <c r="I1169" s="71"/>
      <c r="J1169" s="71"/>
      <c r="K1169" s="71"/>
      <c r="L1169" s="71"/>
      <c r="M1169" s="71"/>
      <c r="N1169" s="71"/>
      <c r="O1169" s="71"/>
      <c r="P1169" s="71"/>
      <c r="Q1169" s="71"/>
      <c r="R1169" s="71"/>
      <c r="S1169" s="71"/>
      <c r="T1169" s="71"/>
      <c r="U1169" s="71"/>
      <c r="V1169" s="71"/>
      <c r="W1169" s="71"/>
      <c r="X1169" s="71"/>
      <c r="Y1169" s="71"/>
    </row>
    <row r="1170" spans="1:25" s="32" customFormat="1" ht="36.450000000000003" customHeight="1" x14ac:dyDescent="0.15">
      <c r="A1170" s="31"/>
      <c r="D1170" s="33" t="s">
        <v>341</v>
      </c>
      <c r="E1170" s="36" t="s">
        <v>530</v>
      </c>
      <c r="F1170" s="51" t="s">
        <v>531</v>
      </c>
      <c r="G1170" s="37" t="s">
        <v>443</v>
      </c>
      <c r="H1170" s="35" t="s">
        <v>344</v>
      </c>
    </row>
    <row r="1171" spans="1:25" x14ac:dyDescent="0.2">
      <c r="B1171" s="5"/>
      <c r="C1171" s="40" t="s">
        <v>38</v>
      </c>
      <c r="D1171" s="41">
        <v>4307</v>
      </c>
      <c r="E1171" s="42">
        <v>39.799999999999997</v>
      </c>
      <c r="F1171" s="42">
        <v>52.5</v>
      </c>
      <c r="G1171" s="43">
        <v>7.6</v>
      </c>
    </row>
    <row r="1172" spans="1:25" x14ac:dyDescent="0.2">
      <c r="B1172" s="72" t="s">
        <v>37</v>
      </c>
      <c r="C1172" s="38" t="s">
        <v>39</v>
      </c>
      <c r="D1172" s="44">
        <v>1325</v>
      </c>
      <c r="E1172" s="45">
        <v>42.9</v>
      </c>
      <c r="F1172" s="45">
        <v>50.3</v>
      </c>
      <c r="G1172" s="46">
        <v>6.8</v>
      </c>
    </row>
    <row r="1173" spans="1:25" x14ac:dyDescent="0.2">
      <c r="B1173" s="72"/>
      <c r="C1173" s="38" t="s">
        <v>40</v>
      </c>
      <c r="D1173" s="44">
        <v>675</v>
      </c>
      <c r="E1173" s="45">
        <v>40.299999999999997</v>
      </c>
      <c r="F1173" s="45">
        <v>51.4</v>
      </c>
      <c r="G1173" s="46">
        <v>8.3000000000000007</v>
      </c>
    </row>
    <row r="1174" spans="1:25" x14ac:dyDescent="0.2">
      <c r="B1174" s="72"/>
      <c r="C1174" s="38" t="s">
        <v>41</v>
      </c>
      <c r="D1174" s="44">
        <v>168</v>
      </c>
      <c r="E1174" s="45">
        <v>36.9</v>
      </c>
      <c r="F1174" s="45">
        <v>54.8</v>
      </c>
      <c r="G1174" s="46">
        <v>8.3000000000000007</v>
      </c>
    </row>
    <row r="1175" spans="1:25" x14ac:dyDescent="0.2">
      <c r="B1175" s="72"/>
      <c r="C1175" s="38" t="s">
        <v>42</v>
      </c>
      <c r="D1175" s="44">
        <v>290</v>
      </c>
      <c r="E1175" s="45">
        <v>37.9</v>
      </c>
      <c r="F1175" s="45">
        <v>54.1</v>
      </c>
      <c r="G1175" s="46">
        <v>7.9</v>
      </c>
    </row>
    <row r="1176" spans="1:25" x14ac:dyDescent="0.2">
      <c r="B1176" s="72"/>
      <c r="C1176" s="38" t="s">
        <v>43</v>
      </c>
      <c r="D1176" s="44">
        <v>231</v>
      </c>
      <c r="E1176" s="45">
        <v>39</v>
      </c>
      <c r="F1176" s="45">
        <v>55</v>
      </c>
      <c r="G1176" s="46">
        <v>6.1</v>
      </c>
    </row>
    <row r="1177" spans="1:25" x14ac:dyDescent="0.2">
      <c r="B1177" s="72"/>
      <c r="C1177" s="38" t="s">
        <v>44</v>
      </c>
      <c r="D1177" s="44">
        <v>800</v>
      </c>
      <c r="E1177" s="45">
        <v>38.1</v>
      </c>
      <c r="F1177" s="45">
        <v>53.1</v>
      </c>
      <c r="G1177" s="46">
        <v>8.8000000000000007</v>
      </c>
    </row>
    <row r="1178" spans="1:25" x14ac:dyDescent="0.2">
      <c r="B1178" s="72"/>
      <c r="C1178" s="38" t="s">
        <v>45</v>
      </c>
      <c r="D1178" s="44">
        <v>240</v>
      </c>
      <c r="E1178" s="45">
        <v>36.700000000000003</v>
      </c>
      <c r="F1178" s="45">
        <v>56.7</v>
      </c>
      <c r="G1178" s="46">
        <v>6.7</v>
      </c>
    </row>
    <row r="1179" spans="1:25" x14ac:dyDescent="0.2">
      <c r="B1179" s="72"/>
      <c r="C1179" s="38" t="s">
        <v>46</v>
      </c>
      <c r="D1179" s="44">
        <v>117</v>
      </c>
      <c r="E1179" s="45">
        <v>46.2</v>
      </c>
      <c r="F1179" s="45">
        <v>47.9</v>
      </c>
      <c r="G1179" s="46">
        <v>6</v>
      </c>
    </row>
    <row r="1180" spans="1:25" x14ac:dyDescent="0.2">
      <c r="B1180" s="72"/>
      <c r="C1180" s="38" t="s">
        <v>47</v>
      </c>
      <c r="D1180" s="44">
        <v>461</v>
      </c>
      <c r="E1180" s="45">
        <v>36</v>
      </c>
      <c r="F1180" s="45">
        <v>55.7</v>
      </c>
      <c r="G1180" s="46">
        <v>8.1999999999999993</v>
      </c>
    </row>
    <row r="1181" spans="1:25" ht="21.6" x14ac:dyDescent="0.2">
      <c r="B1181" s="72"/>
      <c r="C1181" s="39" t="s">
        <v>48</v>
      </c>
      <c r="D1181" s="47">
        <v>2307</v>
      </c>
      <c r="E1181" s="48">
        <v>37.9</v>
      </c>
      <c r="F1181" s="48">
        <v>54.2</v>
      </c>
      <c r="G1181" s="49">
        <v>7.9</v>
      </c>
    </row>
    <row r="1183" spans="1:25" x14ac:dyDescent="0.2">
      <c r="A1183" s="26" t="s">
        <v>25</v>
      </c>
      <c r="B1183" t="s">
        <v>35</v>
      </c>
      <c r="C1183" t="s">
        <v>35</v>
      </c>
    </row>
    <row r="1184" spans="1:25" x14ac:dyDescent="0.2">
      <c r="B1184" s="70" t="s">
        <v>155</v>
      </c>
      <c r="C1184" s="71"/>
      <c r="D1184" s="71"/>
      <c r="E1184" s="71"/>
      <c r="F1184" s="71"/>
      <c r="G1184" s="71"/>
      <c r="H1184" s="71"/>
      <c r="I1184" s="71"/>
      <c r="J1184" s="71"/>
      <c r="K1184" s="71"/>
      <c r="L1184" s="71"/>
      <c r="M1184" s="71"/>
      <c r="N1184" s="71"/>
      <c r="O1184" s="71"/>
      <c r="P1184" s="71"/>
      <c r="Q1184" s="71"/>
      <c r="R1184" s="71"/>
      <c r="S1184" s="71"/>
      <c r="T1184" s="71"/>
      <c r="U1184" s="71"/>
      <c r="V1184" s="71"/>
      <c r="W1184" s="71"/>
      <c r="X1184" s="71"/>
      <c r="Y1184" s="71"/>
    </row>
    <row r="1185" spans="1:25" s="32" customFormat="1" ht="36.450000000000003" customHeight="1" x14ac:dyDescent="0.15">
      <c r="A1185" s="31"/>
      <c r="D1185" s="33" t="s">
        <v>341</v>
      </c>
      <c r="E1185" s="36" t="s">
        <v>530</v>
      </c>
      <c r="F1185" s="51" t="s">
        <v>531</v>
      </c>
      <c r="G1185" s="37" t="s">
        <v>443</v>
      </c>
      <c r="H1185" s="35" t="s">
        <v>344</v>
      </c>
    </row>
    <row r="1186" spans="1:25" x14ac:dyDescent="0.2">
      <c r="B1186" s="5"/>
      <c r="C1186" s="40" t="s">
        <v>38</v>
      </c>
      <c r="D1186" s="41">
        <v>4307</v>
      </c>
      <c r="E1186" s="42">
        <v>35.9</v>
      </c>
      <c r="F1186" s="42">
        <v>55.6</v>
      </c>
      <c r="G1186" s="43">
        <v>8.5</v>
      </c>
    </row>
    <row r="1187" spans="1:25" x14ac:dyDescent="0.2">
      <c r="B1187" s="72" t="s">
        <v>37</v>
      </c>
      <c r="C1187" s="38" t="s">
        <v>39</v>
      </c>
      <c r="D1187" s="44">
        <v>1325</v>
      </c>
      <c r="E1187" s="45">
        <v>38.6</v>
      </c>
      <c r="F1187" s="45">
        <v>54.1</v>
      </c>
      <c r="G1187" s="46">
        <v>7.2</v>
      </c>
    </row>
    <row r="1188" spans="1:25" x14ac:dyDescent="0.2">
      <c r="B1188" s="72"/>
      <c r="C1188" s="38" t="s">
        <v>40</v>
      </c>
      <c r="D1188" s="44">
        <v>675</v>
      </c>
      <c r="E1188" s="45">
        <v>34.799999999999997</v>
      </c>
      <c r="F1188" s="45">
        <v>55.9</v>
      </c>
      <c r="G1188" s="46">
        <v>9.3000000000000007</v>
      </c>
    </row>
    <row r="1189" spans="1:25" x14ac:dyDescent="0.2">
      <c r="B1189" s="72"/>
      <c r="C1189" s="38" t="s">
        <v>41</v>
      </c>
      <c r="D1189" s="44">
        <v>168</v>
      </c>
      <c r="E1189" s="45">
        <v>31</v>
      </c>
      <c r="F1189" s="45">
        <v>60.1</v>
      </c>
      <c r="G1189" s="46">
        <v>8.9</v>
      </c>
    </row>
    <row r="1190" spans="1:25" x14ac:dyDescent="0.2">
      <c r="B1190" s="72"/>
      <c r="C1190" s="38" t="s">
        <v>42</v>
      </c>
      <c r="D1190" s="44">
        <v>290</v>
      </c>
      <c r="E1190" s="45">
        <v>37.6</v>
      </c>
      <c r="F1190" s="45">
        <v>53.4</v>
      </c>
      <c r="G1190" s="46">
        <v>9</v>
      </c>
    </row>
    <row r="1191" spans="1:25" x14ac:dyDescent="0.2">
      <c r="B1191" s="72"/>
      <c r="C1191" s="38" t="s">
        <v>43</v>
      </c>
      <c r="D1191" s="44">
        <v>231</v>
      </c>
      <c r="E1191" s="45">
        <v>31.6</v>
      </c>
      <c r="F1191" s="45">
        <v>60.2</v>
      </c>
      <c r="G1191" s="46">
        <v>8.1999999999999993</v>
      </c>
    </row>
    <row r="1192" spans="1:25" x14ac:dyDescent="0.2">
      <c r="B1192" s="72"/>
      <c r="C1192" s="38" t="s">
        <v>44</v>
      </c>
      <c r="D1192" s="44">
        <v>800</v>
      </c>
      <c r="E1192" s="45">
        <v>34.4</v>
      </c>
      <c r="F1192" s="45">
        <v>55.6</v>
      </c>
      <c r="G1192" s="46">
        <v>10</v>
      </c>
    </row>
    <row r="1193" spans="1:25" x14ac:dyDescent="0.2">
      <c r="B1193" s="72"/>
      <c r="C1193" s="38" t="s">
        <v>45</v>
      </c>
      <c r="D1193" s="44">
        <v>240</v>
      </c>
      <c r="E1193" s="45">
        <v>35.799999999999997</v>
      </c>
      <c r="F1193" s="45">
        <v>55.4</v>
      </c>
      <c r="G1193" s="46">
        <v>8.8000000000000007</v>
      </c>
    </row>
    <row r="1194" spans="1:25" x14ac:dyDescent="0.2">
      <c r="B1194" s="72"/>
      <c r="C1194" s="38" t="s">
        <v>46</v>
      </c>
      <c r="D1194" s="44">
        <v>117</v>
      </c>
      <c r="E1194" s="45">
        <v>41.9</v>
      </c>
      <c r="F1194" s="45">
        <v>53</v>
      </c>
      <c r="G1194" s="46">
        <v>5.0999999999999996</v>
      </c>
    </row>
    <row r="1195" spans="1:25" x14ac:dyDescent="0.2">
      <c r="B1195" s="72"/>
      <c r="C1195" s="38" t="s">
        <v>47</v>
      </c>
      <c r="D1195" s="44">
        <v>461</v>
      </c>
      <c r="E1195" s="45">
        <v>33.4</v>
      </c>
      <c r="F1195" s="45">
        <v>57.5</v>
      </c>
      <c r="G1195" s="46">
        <v>9.1</v>
      </c>
    </row>
    <row r="1196" spans="1:25" ht="21.6" x14ac:dyDescent="0.2">
      <c r="B1196" s="72"/>
      <c r="C1196" s="39" t="s">
        <v>48</v>
      </c>
      <c r="D1196" s="47">
        <v>2307</v>
      </c>
      <c r="E1196" s="48">
        <v>34.6</v>
      </c>
      <c r="F1196" s="48">
        <v>56.4</v>
      </c>
      <c r="G1196" s="49">
        <v>9.1</v>
      </c>
    </row>
    <row r="1198" spans="1:25" x14ac:dyDescent="0.2">
      <c r="A1198" s="26" t="s">
        <v>25</v>
      </c>
      <c r="B1198" t="s">
        <v>35</v>
      </c>
      <c r="C1198" t="s">
        <v>35</v>
      </c>
    </row>
    <row r="1199" spans="1:25" x14ac:dyDescent="0.2">
      <c r="B1199" s="70" t="s">
        <v>156</v>
      </c>
      <c r="C1199" s="71"/>
      <c r="D1199" s="71"/>
      <c r="E1199" s="71"/>
      <c r="F1199" s="71"/>
      <c r="G1199" s="71"/>
      <c r="H1199" s="71"/>
      <c r="I1199" s="71"/>
      <c r="J1199" s="71"/>
      <c r="K1199" s="71"/>
      <c r="L1199" s="71"/>
      <c r="M1199" s="71"/>
      <c r="N1199" s="71"/>
      <c r="O1199" s="71"/>
      <c r="P1199" s="71"/>
      <c r="Q1199" s="71"/>
      <c r="R1199" s="71"/>
      <c r="S1199" s="71"/>
      <c r="T1199" s="71"/>
      <c r="U1199" s="71"/>
      <c r="V1199" s="71"/>
      <c r="W1199" s="71"/>
      <c r="X1199" s="71"/>
      <c r="Y1199" s="71"/>
    </row>
    <row r="1200" spans="1:25" s="32" customFormat="1" ht="36.450000000000003" customHeight="1" x14ac:dyDescent="0.15">
      <c r="A1200" s="31"/>
      <c r="D1200" s="33" t="s">
        <v>341</v>
      </c>
      <c r="E1200" s="36" t="s">
        <v>530</v>
      </c>
      <c r="F1200" s="51" t="s">
        <v>531</v>
      </c>
      <c r="G1200" s="37" t="s">
        <v>443</v>
      </c>
      <c r="H1200" s="35" t="s">
        <v>344</v>
      </c>
    </row>
    <row r="1201" spans="1:25" x14ac:dyDescent="0.2">
      <c r="B1201" s="5"/>
      <c r="C1201" s="40" t="s">
        <v>38</v>
      </c>
      <c r="D1201" s="41">
        <v>4307</v>
      </c>
      <c r="E1201" s="42">
        <v>38.200000000000003</v>
      </c>
      <c r="F1201" s="42">
        <v>55.7</v>
      </c>
      <c r="G1201" s="43">
        <v>6</v>
      </c>
    </row>
    <row r="1202" spans="1:25" x14ac:dyDescent="0.2">
      <c r="B1202" s="72" t="s">
        <v>37</v>
      </c>
      <c r="C1202" s="38" t="s">
        <v>39</v>
      </c>
      <c r="D1202" s="44">
        <v>1325</v>
      </c>
      <c r="E1202" s="45">
        <v>39.700000000000003</v>
      </c>
      <c r="F1202" s="45">
        <v>54.9</v>
      </c>
      <c r="G1202" s="46">
        <v>5.4</v>
      </c>
    </row>
    <row r="1203" spans="1:25" x14ac:dyDescent="0.2">
      <c r="B1203" s="72"/>
      <c r="C1203" s="38" t="s">
        <v>40</v>
      </c>
      <c r="D1203" s="44">
        <v>675</v>
      </c>
      <c r="E1203" s="45">
        <v>36.9</v>
      </c>
      <c r="F1203" s="45">
        <v>56.3</v>
      </c>
      <c r="G1203" s="46">
        <v>6.8</v>
      </c>
    </row>
    <row r="1204" spans="1:25" x14ac:dyDescent="0.2">
      <c r="B1204" s="72"/>
      <c r="C1204" s="38" t="s">
        <v>41</v>
      </c>
      <c r="D1204" s="44">
        <v>168</v>
      </c>
      <c r="E1204" s="45">
        <v>35.700000000000003</v>
      </c>
      <c r="F1204" s="45">
        <v>58.9</v>
      </c>
      <c r="G1204" s="46">
        <v>5.4</v>
      </c>
    </row>
    <row r="1205" spans="1:25" x14ac:dyDescent="0.2">
      <c r="B1205" s="72"/>
      <c r="C1205" s="38" t="s">
        <v>42</v>
      </c>
      <c r="D1205" s="44">
        <v>290</v>
      </c>
      <c r="E1205" s="45">
        <v>39.700000000000003</v>
      </c>
      <c r="F1205" s="45">
        <v>55.2</v>
      </c>
      <c r="G1205" s="46">
        <v>5.2</v>
      </c>
    </row>
    <row r="1206" spans="1:25" x14ac:dyDescent="0.2">
      <c r="B1206" s="72"/>
      <c r="C1206" s="38" t="s">
        <v>43</v>
      </c>
      <c r="D1206" s="44">
        <v>231</v>
      </c>
      <c r="E1206" s="45">
        <v>34.200000000000003</v>
      </c>
      <c r="F1206" s="45">
        <v>59.7</v>
      </c>
      <c r="G1206" s="46">
        <v>6.1</v>
      </c>
    </row>
    <row r="1207" spans="1:25" x14ac:dyDescent="0.2">
      <c r="B1207" s="72"/>
      <c r="C1207" s="38" t="s">
        <v>44</v>
      </c>
      <c r="D1207" s="44">
        <v>800</v>
      </c>
      <c r="E1207" s="45">
        <v>36.4</v>
      </c>
      <c r="F1207" s="45">
        <v>57</v>
      </c>
      <c r="G1207" s="46">
        <v>6.6</v>
      </c>
    </row>
    <row r="1208" spans="1:25" x14ac:dyDescent="0.2">
      <c r="B1208" s="72"/>
      <c r="C1208" s="38" t="s">
        <v>45</v>
      </c>
      <c r="D1208" s="44">
        <v>240</v>
      </c>
      <c r="E1208" s="45">
        <v>42.5</v>
      </c>
      <c r="F1208" s="45">
        <v>52.5</v>
      </c>
      <c r="G1208" s="46">
        <v>5</v>
      </c>
    </row>
    <row r="1209" spans="1:25" x14ac:dyDescent="0.2">
      <c r="B1209" s="72"/>
      <c r="C1209" s="38" t="s">
        <v>46</v>
      </c>
      <c r="D1209" s="44">
        <v>117</v>
      </c>
      <c r="E1209" s="45">
        <v>32.5</v>
      </c>
      <c r="F1209" s="45">
        <v>61.5</v>
      </c>
      <c r="G1209" s="46">
        <v>6</v>
      </c>
    </row>
    <row r="1210" spans="1:25" x14ac:dyDescent="0.2">
      <c r="B1210" s="72"/>
      <c r="C1210" s="38" t="s">
        <v>47</v>
      </c>
      <c r="D1210" s="44">
        <v>461</v>
      </c>
      <c r="E1210" s="45">
        <v>40.6</v>
      </c>
      <c r="F1210" s="45">
        <v>52.5</v>
      </c>
      <c r="G1210" s="46">
        <v>6.9</v>
      </c>
    </row>
    <row r="1211" spans="1:25" ht="21.6" x14ac:dyDescent="0.2">
      <c r="B1211" s="72"/>
      <c r="C1211" s="39" t="s">
        <v>48</v>
      </c>
      <c r="D1211" s="47">
        <v>2307</v>
      </c>
      <c r="E1211" s="48">
        <v>37.799999999999997</v>
      </c>
      <c r="F1211" s="48">
        <v>56</v>
      </c>
      <c r="G1211" s="49">
        <v>6.2</v>
      </c>
    </row>
    <row r="1213" spans="1:25" x14ac:dyDescent="0.2">
      <c r="A1213" s="26" t="s">
        <v>25</v>
      </c>
      <c r="B1213" t="s">
        <v>35</v>
      </c>
      <c r="C1213" t="s">
        <v>35</v>
      </c>
    </row>
    <row r="1214" spans="1:25" x14ac:dyDescent="0.2">
      <c r="B1214" s="70" t="s">
        <v>157</v>
      </c>
      <c r="C1214" s="71"/>
      <c r="D1214" s="71"/>
      <c r="E1214" s="71"/>
      <c r="F1214" s="71"/>
      <c r="G1214" s="71"/>
      <c r="H1214" s="71"/>
      <c r="I1214" s="71"/>
      <c r="J1214" s="71"/>
      <c r="K1214" s="71"/>
      <c r="L1214" s="71"/>
      <c r="M1214" s="71"/>
      <c r="N1214" s="71"/>
      <c r="O1214" s="71"/>
      <c r="P1214" s="71"/>
      <c r="Q1214" s="71"/>
      <c r="R1214" s="71"/>
      <c r="S1214" s="71"/>
      <c r="T1214" s="71"/>
      <c r="U1214" s="71"/>
      <c r="V1214" s="71"/>
      <c r="W1214" s="71"/>
      <c r="X1214" s="71"/>
      <c r="Y1214" s="71"/>
    </row>
    <row r="1215" spans="1:25" s="32" customFormat="1" ht="36.450000000000003" customHeight="1" x14ac:dyDescent="0.15">
      <c r="A1215" s="31"/>
      <c r="D1215" s="33" t="s">
        <v>341</v>
      </c>
      <c r="E1215" s="36" t="s">
        <v>530</v>
      </c>
      <c r="F1215" s="51" t="s">
        <v>531</v>
      </c>
      <c r="G1215" s="37" t="s">
        <v>443</v>
      </c>
      <c r="H1215" s="35" t="s">
        <v>344</v>
      </c>
    </row>
    <row r="1216" spans="1:25" x14ac:dyDescent="0.2">
      <c r="B1216" s="5"/>
      <c r="C1216" s="40" t="s">
        <v>38</v>
      </c>
      <c r="D1216" s="41">
        <v>4307</v>
      </c>
      <c r="E1216" s="42">
        <v>32.200000000000003</v>
      </c>
      <c r="F1216" s="42">
        <v>61</v>
      </c>
      <c r="G1216" s="43">
        <v>6.7</v>
      </c>
    </row>
    <row r="1217" spans="1:25" x14ac:dyDescent="0.2">
      <c r="B1217" s="72" t="s">
        <v>37</v>
      </c>
      <c r="C1217" s="38" t="s">
        <v>39</v>
      </c>
      <c r="D1217" s="44">
        <v>1325</v>
      </c>
      <c r="E1217" s="45">
        <v>33.6</v>
      </c>
      <c r="F1217" s="45">
        <v>59.5</v>
      </c>
      <c r="G1217" s="46">
        <v>6.9</v>
      </c>
    </row>
    <row r="1218" spans="1:25" x14ac:dyDescent="0.2">
      <c r="B1218" s="72"/>
      <c r="C1218" s="38" t="s">
        <v>40</v>
      </c>
      <c r="D1218" s="44">
        <v>675</v>
      </c>
      <c r="E1218" s="45">
        <v>32</v>
      </c>
      <c r="F1218" s="45">
        <v>61.5</v>
      </c>
      <c r="G1218" s="46">
        <v>6.5</v>
      </c>
    </row>
    <row r="1219" spans="1:25" x14ac:dyDescent="0.2">
      <c r="B1219" s="72"/>
      <c r="C1219" s="38" t="s">
        <v>41</v>
      </c>
      <c r="D1219" s="44">
        <v>168</v>
      </c>
      <c r="E1219" s="45">
        <v>29.2</v>
      </c>
      <c r="F1219" s="45">
        <v>64.3</v>
      </c>
      <c r="G1219" s="46">
        <v>6.5</v>
      </c>
    </row>
    <row r="1220" spans="1:25" x14ac:dyDescent="0.2">
      <c r="B1220" s="72"/>
      <c r="C1220" s="38" t="s">
        <v>42</v>
      </c>
      <c r="D1220" s="44">
        <v>290</v>
      </c>
      <c r="E1220" s="45">
        <v>32.1</v>
      </c>
      <c r="F1220" s="45">
        <v>61.7</v>
      </c>
      <c r="G1220" s="46">
        <v>6.2</v>
      </c>
    </row>
    <row r="1221" spans="1:25" x14ac:dyDescent="0.2">
      <c r="B1221" s="72"/>
      <c r="C1221" s="38" t="s">
        <v>43</v>
      </c>
      <c r="D1221" s="44">
        <v>231</v>
      </c>
      <c r="E1221" s="45">
        <v>29.9</v>
      </c>
      <c r="F1221" s="45">
        <v>63.6</v>
      </c>
      <c r="G1221" s="46">
        <v>6.5</v>
      </c>
    </row>
    <row r="1222" spans="1:25" x14ac:dyDescent="0.2">
      <c r="B1222" s="72"/>
      <c r="C1222" s="38" t="s">
        <v>44</v>
      </c>
      <c r="D1222" s="44">
        <v>800</v>
      </c>
      <c r="E1222" s="45">
        <v>29.3</v>
      </c>
      <c r="F1222" s="45">
        <v>63.4</v>
      </c>
      <c r="G1222" s="46">
        <v>7.4</v>
      </c>
    </row>
    <row r="1223" spans="1:25" x14ac:dyDescent="0.2">
      <c r="B1223" s="72"/>
      <c r="C1223" s="38" t="s">
        <v>45</v>
      </c>
      <c r="D1223" s="44">
        <v>240</v>
      </c>
      <c r="E1223" s="45">
        <v>33.299999999999997</v>
      </c>
      <c r="F1223" s="45">
        <v>62.5</v>
      </c>
      <c r="G1223" s="46">
        <v>4.2</v>
      </c>
    </row>
    <row r="1224" spans="1:25" x14ac:dyDescent="0.2">
      <c r="B1224" s="72"/>
      <c r="C1224" s="38" t="s">
        <v>46</v>
      </c>
      <c r="D1224" s="44">
        <v>117</v>
      </c>
      <c r="E1224" s="45">
        <v>31.6</v>
      </c>
      <c r="F1224" s="45">
        <v>61.5</v>
      </c>
      <c r="G1224" s="46">
        <v>6.8</v>
      </c>
    </row>
    <row r="1225" spans="1:25" x14ac:dyDescent="0.2">
      <c r="B1225" s="72"/>
      <c r="C1225" s="38" t="s">
        <v>47</v>
      </c>
      <c r="D1225" s="44">
        <v>461</v>
      </c>
      <c r="E1225" s="45">
        <v>36</v>
      </c>
      <c r="F1225" s="45">
        <v>56.8</v>
      </c>
      <c r="G1225" s="46">
        <v>7.2</v>
      </c>
    </row>
    <row r="1226" spans="1:25" ht="21.6" x14ac:dyDescent="0.2">
      <c r="B1226" s="72"/>
      <c r="C1226" s="39" t="s">
        <v>48</v>
      </c>
      <c r="D1226" s="47">
        <v>2307</v>
      </c>
      <c r="E1226" s="48">
        <v>31.6</v>
      </c>
      <c r="F1226" s="48">
        <v>61.8</v>
      </c>
      <c r="G1226" s="49">
        <v>6.7</v>
      </c>
    </row>
    <row r="1228" spans="1:25" x14ac:dyDescent="0.2">
      <c r="A1228" s="26" t="s">
        <v>25</v>
      </c>
      <c r="B1228" t="s">
        <v>35</v>
      </c>
      <c r="C1228" t="s">
        <v>35</v>
      </c>
    </row>
    <row r="1229" spans="1:25" x14ac:dyDescent="0.2">
      <c r="B1229" s="70" t="s">
        <v>158</v>
      </c>
      <c r="C1229" s="71"/>
      <c r="D1229" s="71"/>
      <c r="E1229" s="71"/>
      <c r="F1229" s="71"/>
      <c r="G1229" s="71"/>
      <c r="H1229" s="71"/>
      <c r="I1229" s="71"/>
      <c r="J1229" s="71"/>
      <c r="K1229" s="71"/>
      <c r="L1229" s="71"/>
      <c r="M1229" s="71"/>
      <c r="N1229" s="71"/>
      <c r="O1229" s="71"/>
      <c r="P1229" s="71"/>
      <c r="Q1229" s="71"/>
      <c r="R1229" s="71"/>
      <c r="S1229" s="71"/>
      <c r="T1229" s="71"/>
      <c r="U1229" s="71"/>
      <c r="V1229" s="71"/>
      <c r="W1229" s="71"/>
      <c r="X1229" s="71"/>
      <c r="Y1229" s="71"/>
    </row>
    <row r="1230" spans="1:25" s="32" customFormat="1" ht="36.450000000000003" customHeight="1" x14ac:dyDescent="0.15">
      <c r="A1230" s="31"/>
      <c r="D1230" s="33" t="s">
        <v>341</v>
      </c>
      <c r="E1230" s="36" t="s">
        <v>530</v>
      </c>
      <c r="F1230" s="51" t="s">
        <v>531</v>
      </c>
      <c r="G1230" s="37" t="s">
        <v>443</v>
      </c>
      <c r="H1230" s="35" t="s">
        <v>344</v>
      </c>
    </row>
    <row r="1231" spans="1:25" x14ac:dyDescent="0.2">
      <c r="B1231" s="5"/>
      <c r="C1231" s="40" t="s">
        <v>38</v>
      </c>
      <c r="D1231" s="41">
        <v>4307</v>
      </c>
      <c r="E1231" s="42">
        <v>50</v>
      </c>
      <c r="F1231" s="42">
        <v>42</v>
      </c>
      <c r="G1231" s="43">
        <v>7.9</v>
      </c>
    </row>
    <row r="1232" spans="1:25" x14ac:dyDescent="0.2">
      <c r="B1232" s="72" t="s">
        <v>37</v>
      </c>
      <c r="C1232" s="38" t="s">
        <v>39</v>
      </c>
      <c r="D1232" s="44">
        <v>1325</v>
      </c>
      <c r="E1232" s="45">
        <v>51.4</v>
      </c>
      <c r="F1232" s="45">
        <v>40.700000000000003</v>
      </c>
      <c r="G1232" s="46">
        <v>7.9</v>
      </c>
    </row>
    <row r="1233" spans="1:25" x14ac:dyDescent="0.2">
      <c r="B1233" s="72"/>
      <c r="C1233" s="38" t="s">
        <v>40</v>
      </c>
      <c r="D1233" s="44">
        <v>675</v>
      </c>
      <c r="E1233" s="45">
        <v>51.9</v>
      </c>
      <c r="F1233" s="45">
        <v>40.1</v>
      </c>
      <c r="G1233" s="46">
        <v>8</v>
      </c>
    </row>
    <row r="1234" spans="1:25" x14ac:dyDescent="0.2">
      <c r="B1234" s="72"/>
      <c r="C1234" s="38" t="s">
        <v>41</v>
      </c>
      <c r="D1234" s="44">
        <v>168</v>
      </c>
      <c r="E1234" s="45">
        <v>44.6</v>
      </c>
      <c r="F1234" s="45">
        <v>45.8</v>
      </c>
      <c r="G1234" s="46">
        <v>9.5</v>
      </c>
    </row>
    <row r="1235" spans="1:25" x14ac:dyDescent="0.2">
      <c r="B1235" s="72"/>
      <c r="C1235" s="38" t="s">
        <v>42</v>
      </c>
      <c r="D1235" s="44">
        <v>290</v>
      </c>
      <c r="E1235" s="45">
        <v>48.6</v>
      </c>
      <c r="F1235" s="45">
        <v>43.4</v>
      </c>
      <c r="G1235" s="46">
        <v>7.9</v>
      </c>
    </row>
    <row r="1236" spans="1:25" x14ac:dyDescent="0.2">
      <c r="B1236" s="72"/>
      <c r="C1236" s="38" t="s">
        <v>43</v>
      </c>
      <c r="D1236" s="44">
        <v>231</v>
      </c>
      <c r="E1236" s="45">
        <v>51.5</v>
      </c>
      <c r="F1236" s="45">
        <v>40.700000000000003</v>
      </c>
      <c r="G1236" s="46">
        <v>7.8</v>
      </c>
    </row>
    <row r="1237" spans="1:25" x14ac:dyDescent="0.2">
      <c r="B1237" s="72"/>
      <c r="C1237" s="38" t="s">
        <v>44</v>
      </c>
      <c r="D1237" s="44">
        <v>800</v>
      </c>
      <c r="E1237" s="45">
        <v>45.6</v>
      </c>
      <c r="F1237" s="45">
        <v>45.9</v>
      </c>
      <c r="G1237" s="46">
        <v>8.5</v>
      </c>
    </row>
    <row r="1238" spans="1:25" x14ac:dyDescent="0.2">
      <c r="B1238" s="72"/>
      <c r="C1238" s="38" t="s">
        <v>45</v>
      </c>
      <c r="D1238" s="44">
        <v>240</v>
      </c>
      <c r="E1238" s="45">
        <v>52.5</v>
      </c>
      <c r="F1238" s="45">
        <v>42.1</v>
      </c>
      <c r="G1238" s="46">
        <v>5.4</v>
      </c>
    </row>
    <row r="1239" spans="1:25" x14ac:dyDescent="0.2">
      <c r="B1239" s="72"/>
      <c r="C1239" s="38" t="s">
        <v>46</v>
      </c>
      <c r="D1239" s="44">
        <v>117</v>
      </c>
      <c r="E1239" s="45">
        <v>52.1</v>
      </c>
      <c r="F1239" s="45">
        <v>41.9</v>
      </c>
      <c r="G1239" s="46">
        <v>6</v>
      </c>
    </row>
    <row r="1240" spans="1:25" x14ac:dyDescent="0.2">
      <c r="B1240" s="72"/>
      <c r="C1240" s="38" t="s">
        <v>47</v>
      </c>
      <c r="D1240" s="44">
        <v>461</v>
      </c>
      <c r="E1240" s="45">
        <v>51.4</v>
      </c>
      <c r="F1240" s="45">
        <v>40.6</v>
      </c>
      <c r="G1240" s="46">
        <v>8</v>
      </c>
    </row>
    <row r="1241" spans="1:25" ht="21.6" x14ac:dyDescent="0.2">
      <c r="B1241" s="72"/>
      <c r="C1241" s="39" t="s">
        <v>48</v>
      </c>
      <c r="D1241" s="47">
        <v>2307</v>
      </c>
      <c r="E1241" s="48">
        <v>48.7</v>
      </c>
      <c r="F1241" s="48">
        <v>43.4</v>
      </c>
      <c r="G1241" s="49">
        <v>7.9</v>
      </c>
    </row>
    <row r="1243" spans="1:25" x14ac:dyDescent="0.2">
      <c r="A1243" s="26" t="s">
        <v>25</v>
      </c>
      <c r="B1243" t="s">
        <v>35</v>
      </c>
      <c r="C1243" t="s">
        <v>35</v>
      </c>
    </row>
    <row r="1244" spans="1:25" x14ac:dyDescent="0.2">
      <c r="B1244" s="70" t="s">
        <v>159</v>
      </c>
      <c r="C1244" s="71"/>
      <c r="D1244" s="71"/>
      <c r="E1244" s="71"/>
      <c r="F1244" s="71"/>
      <c r="G1244" s="71"/>
      <c r="H1244" s="71"/>
      <c r="I1244" s="71"/>
      <c r="J1244" s="71"/>
      <c r="K1244" s="71"/>
      <c r="L1244" s="71"/>
      <c r="M1244" s="71"/>
      <c r="N1244" s="71"/>
      <c r="O1244" s="71"/>
      <c r="P1244" s="71"/>
      <c r="Q1244" s="71"/>
      <c r="R1244" s="71"/>
      <c r="S1244" s="71"/>
      <c r="T1244" s="71"/>
      <c r="U1244" s="71"/>
      <c r="V1244" s="71"/>
      <c r="W1244" s="71"/>
      <c r="X1244" s="71"/>
      <c r="Y1244" s="71"/>
    </row>
    <row r="1245" spans="1:25" s="32" customFormat="1" ht="36.450000000000003" customHeight="1" x14ac:dyDescent="0.15">
      <c r="A1245" s="31"/>
      <c r="D1245" s="33" t="s">
        <v>341</v>
      </c>
      <c r="E1245" s="36" t="s">
        <v>530</v>
      </c>
      <c r="F1245" s="51" t="s">
        <v>531</v>
      </c>
      <c r="G1245" s="37" t="s">
        <v>443</v>
      </c>
      <c r="H1245" s="35" t="s">
        <v>344</v>
      </c>
    </row>
    <row r="1246" spans="1:25" x14ac:dyDescent="0.2">
      <c r="B1246" s="5"/>
      <c r="C1246" s="40" t="s">
        <v>38</v>
      </c>
      <c r="D1246" s="41">
        <v>4307</v>
      </c>
      <c r="E1246" s="42">
        <v>49.9</v>
      </c>
      <c r="F1246" s="42">
        <v>42.7</v>
      </c>
      <c r="G1246" s="43">
        <v>7.4</v>
      </c>
    </row>
    <row r="1247" spans="1:25" x14ac:dyDescent="0.2">
      <c r="B1247" s="72" t="s">
        <v>37</v>
      </c>
      <c r="C1247" s="38" t="s">
        <v>39</v>
      </c>
      <c r="D1247" s="44">
        <v>1325</v>
      </c>
      <c r="E1247" s="45">
        <v>51.1</v>
      </c>
      <c r="F1247" s="45">
        <v>41.1</v>
      </c>
      <c r="G1247" s="46">
        <v>7.8</v>
      </c>
    </row>
    <row r="1248" spans="1:25" x14ac:dyDescent="0.2">
      <c r="B1248" s="72"/>
      <c r="C1248" s="38" t="s">
        <v>40</v>
      </c>
      <c r="D1248" s="44">
        <v>675</v>
      </c>
      <c r="E1248" s="45">
        <v>50.2</v>
      </c>
      <c r="F1248" s="45">
        <v>42.4</v>
      </c>
      <c r="G1248" s="46">
        <v>7.4</v>
      </c>
    </row>
    <row r="1249" spans="1:25" x14ac:dyDescent="0.2">
      <c r="B1249" s="72"/>
      <c r="C1249" s="38" t="s">
        <v>41</v>
      </c>
      <c r="D1249" s="44">
        <v>168</v>
      </c>
      <c r="E1249" s="45">
        <v>46.4</v>
      </c>
      <c r="F1249" s="45">
        <v>44.6</v>
      </c>
      <c r="G1249" s="46">
        <v>8.9</v>
      </c>
    </row>
    <row r="1250" spans="1:25" x14ac:dyDescent="0.2">
      <c r="B1250" s="72"/>
      <c r="C1250" s="38" t="s">
        <v>42</v>
      </c>
      <c r="D1250" s="44">
        <v>290</v>
      </c>
      <c r="E1250" s="45">
        <v>50</v>
      </c>
      <c r="F1250" s="45">
        <v>43.4</v>
      </c>
      <c r="G1250" s="46">
        <v>6.6</v>
      </c>
    </row>
    <row r="1251" spans="1:25" x14ac:dyDescent="0.2">
      <c r="B1251" s="72"/>
      <c r="C1251" s="38" t="s">
        <v>43</v>
      </c>
      <c r="D1251" s="44">
        <v>231</v>
      </c>
      <c r="E1251" s="45">
        <v>43.3</v>
      </c>
      <c r="F1251" s="45">
        <v>51.5</v>
      </c>
      <c r="G1251" s="46">
        <v>5.2</v>
      </c>
    </row>
    <row r="1252" spans="1:25" x14ac:dyDescent="0.2">
      <c r="B1252" s="72"/>
      <c r="C1252" s="38" t="s">
        <v>44</v>
      </c>
      <c r="D1252" s="44">
        <v>800</v>
      </c>
      <c r="E1252" s="45">
        <v>50.9</v>
      </c>
      <c r="F1252" s="45">
        <v>41.1</v>
      </c>
      <c r="G1252" s="46">
        <v>8</v>
      </c>
    </row>
    <row r="1253" spans="1:25" x14ac:dyDescent="0.2">
      <c r="B1253" s="72"/>
      <c r="C1253" s="38" t="s">
        <v>45</v>
      </c>
      <c r="D1253" s="44">
        <v>240</v>
      </c>
      <c r="E1253" s="45">
        <v>50.4</v>
      </c>
      <c r="F1253" s="45">
        <v>45</v>
      </c>
      <c r="G1253" s="46">
        <v>4.5999999999999996</v>
      </c>
    </row>
    <row r="1254" spans="1:25" x14ac:dyDescent="0.2">
      <c r="B1254" s="72"/>
      <c r="C1254" s="38" t="s">
        <v>46</v>
      </c>
      <c r="D1254" s="44">
        <v>117</v>
      </c>
      <c r="E1254" s="45">
        <v>49.6</v>
      </c>
      <c r="F1254" s="45">
        <v>45.3</v>
      </c>
      <c r="G1254" s="46">
        <v>5.0999999999999996</v>
      </c>
    </row>
    <row r="1255" spans="1:25" x14ac:dyDescent="0.2">
      <c r="B1255" s="72"/>
      <c r="C1255" s="38" t="s">
        <v>47</v>
      </c>
      <c r="D1255" s="44">
        <v>461</v>
      </c>
      <c r="E1255" s="45">
        <v>49</v>
      </c>
      <c r="F1255" s="45">
        <v>43</v>
      </c>
      <c r="G1255" s="46">
        <v>8</v>
      </c>
    </row>
    <row r="1256" spans="1:25" ht="21.6" x14ac:dyDescent="0.2">
      <c r="B1256" s="72"/>
      <c r="C1256" s="39" t="s">
        <v>48</v>
      </c>
      <c r="D1256" s="47">
        <v>2307</v>
      </c>
      <c r="E1256" s="48">
        <v>49.2</v>
      </c>
      <c r="F1256" s="48">
        <v>43.7</v>
      </c>
      <c r="G1256" s="49">
        <v>7.1</v>
      </c>
    </row>
    <row r="1258" spans="1:25" x14ac:dyDescent="0.2">
      <c r="A1258" s="26" t="s">
        <v>25</v>
      </c>
      <c r="B1258" t="s">
        <v>35</v>
      </c>
      <c r="C1258" t="s">
        <v>35</v>
      </c>
    </row>
    <row r="1259" spans="1:25" x14ac:dyDescent="0.2">
      <c r="B1259" s="70" t="s">
        <v>160</v>
      </c>
      <c r="C1259" s="71"/>
      <c r="D1259" s="71"/>
      <c r="E1259" s="71"/>
      <c r="F1259" s="71"/>
      <c r="G1259" s="71"/>
      <c r="H1259" s="71"/>
      <c r="I1259" s="71"/>
      <c r="J1259" s="71"/>
      <c r="K1259" s="71"/>
      <c r="L1259" s="71"/>
      <c r="M1259" s="71"/>
      <c r="N1259" s="71"/>
      <c r="O1259" s="71"/>
      <c r="P1259" s="71"/>
      <c r="Q1259" s="71"/>
      <c r="R1259" s="71"/>
      <c r="S1259" s="71"/>
      <c r="T1259" s="71"/>
      <c r="U1259" s="71"/>
      <c r="V1259" s="71"/>
      <c r="W1259" s="71"/>
      <c r="X1259" s="71"/>
      <c r="Y1259" s="71"/>
    </row>
    <row r="1260" spans="1:25" s="32" customFormat="1" ht="47.25" customHeight="1" x14ac:dyDescent="0.15">
      <c r="A1260" s="31"/>
      <c r="D1260" s="33" t="s">
        <v>341</v>
      </c>
      <c r="E1260" s="36" t="s">
        <v>532</v>
      </c>
      <c r="F1260" s="51" t="s">
        <v>533</v>
      </c>
      <c r="G1260" s="51" t="s">
        <v>534</v>
      </c>
      <c r="H1260" s="37" t="s">
        <v>443</v>
      </c>
      <c r="I1260" s="35" t="s">
        <v>344</v>
      </c>
    </row>
    <row r="1261" spans="1:25" x14ac:dyDescent="0.2">
      <c r="B1261" s="5"/>
      <c r="C1261" s="40" t="s">
        <v>38</v>
      </c>
      <c r="D1261" s="41">
        <v>4307</v>
      </c>
      <c r="E1261" s="42">
        <v>9</v>
      </c>
      <c r="F1261" s="42">
        <v>31.1</v>
      </c>
      <c r="G1261" s="42">
        <v>41</v>
      </c>
      <c r="H1261" s="43">
        <v>18.899999999999999</v>
      </c>
    </row>
    <row r="1262" spans="1:25" x14ac:dyDescent="0.2">
      <c r="B1262" s="72" t="s">
        <v>37</v>
      </c>
      <c r="C1262" s="38" t="s">
        <v>39</v>
      </c>
      <c r="D1262" s="44">
        <v>1325</v>
      </c>
      <c r="E1262" s="45">
        <v>8.4</v>
      </c>
      <c r="F1262" s="45">
        <v>33</v>
      </c>
      <c r="G1262" s="45">
        <v>40.1</v>
      </c>
      <c r="H1262" s="46">
        <v>18.600000000000001</v>
      </c>
    </row>
    <row r="1263" spans="1:25" x14ac:dyDescent="0.2">
      <c r="B1263" s="72"/>
      <c r="C1263" s="38" t="s">
        <v>40</v>
      </c>
      <c r="D1263" s="44">
        <v>675</v>
      </c>
      <c r="E1263" s="45">
        <v>9.6</v>
      </c>
      <c r="F1263" s="45">
        <v>30.4</v>
      </c>
      <c r="G1263" s="45">
        <v>40.299999999999997</v>
      </c>
      <c r="H1263" s="46">
        <v>19.7</v>
      </c>
    </row>
    <row r="1264" spans="1:25" x14ac:dyDescent="0.2">
      <c r="B1264" s="72"/>
      <c r="C1264" s="38" t="s">
        <v>41</v>
      </c>
      <c r="D1264" s="44">
        <v>168</v>
      </c>
      <c r="E1264" s="45">
        <v>7.1</v>
      </c>
      <c r="F1264" s="45">
        <v>26.8</v>
      </c>
      <c r="G1264" s="45">
        <v>48.8</v>
      </c>
      <c r="H1264" s="46">
        <v>17.3</v>
      </c>
    </row>
    <row r="1265" spans="1:25" x14ac:dyDescent="0.2">
      <c r="B1265" s="72"/>
      <c r="C1265" s="38" t="s">
        <v>42</v>
      </c>
      <c r="D1265" s="44">
        <v>290</v>
      </c>
      <c r="E1265" s="45">
        <v>7.6</v>
      </c>
      <c r="F1265" s="45">
        <v>31.7</v>
      </c>
      <c r="G1265" s="45">
        <v>39.700000000000003</v>
      </c>
      <c r="H1265" s="46">
        <v>21</v>
      </c>
    </row>
    <row r="1266" spans="1:25" x14ac:dyDescent="0.2">
      <c r="B1266" s="72"/>
      <c r="C1266" s="38" t="s">
        <v>43</v>
      </c>
      <c r="D1266" s="44">
        <v>231</v>
      </c>
      <c r="E1266" s="45">
        <v>11.7</v>
      </c>
      <c r="F1266" s="45">
        <v>27.3</v>
      </c>
      <c r="G1266" s="45">
        <v>45.5</v>
      </c>
      <c r="H1266" s="46">
        <v>15.6</v>
      </c>
    </row>
    <row r="1267" spans="1:25" x14ac:dyDescent="0.2">
      <c r="B1267" s="72"/>
      <c r="C1267" s="38" t="s">
        <v>44</v>
      </c>
      <c r="D1267" s="44">
        <v>800</v>
      </c>
      <c r="E1267" s="45">
        <v>8</v>
      </c>
      <c r="F1267" s="45">
        <v>29.5</v>
      </c>
      <c r="G1267" s="45">
        <v>41.5</v>
      </c>
      <c r="H1267" s="46">
        <v>21</v>
      </c>
    </row>
    <row r="1268" spans="1:25" x14ac:dyDescent="0.2">
      <c r="B1268" s="72"/>
      <c r="C1268" s="38" t="s">
        <v>45</v>
      </c>
      <c r="D1268" s="44">
        <v>240</v>
      </c>
      <c r="E1268" s="45">
        <v>9.1999999999999993</v>
      </c>
      <c r="F1268" s="45">
        <v>33.799999999999997</v>
      </c>
      <c r="G1268" s="45">
        <v>42.1</v>
      </c>
      <c r="H1268" s="46">
        <v>15</v>
      </c>
    </row>
    <row r="1269" spans="1:25" x14ac:dyDescent="0.2">
      <c r="B1269" s="72"/>
      <c r="C1269" s="38" t="s">
        <v>46</v>
      </c>
      <c r="D1269" s="44">
        <v>117</v>
      </c>
      <c r="E1269" s="45">
        <v>6.8</v>
      </c>
      <c r="F1269" s="45">
        <v>34.200000000000003</v>
      </c>
      <c r="G1269" s="45">
        <v>47</v>
      </c>
      <c r="H1269" s="46">
        <v>12</v>
      </c>
    </row>
    <row r="1270" spans="1:25" x14ac:dyDescent="0.2">
      <c r="B1270" s="72"/>
      <c r="C1270" s="38" t="s">
        <v>47</v>
      </c>
      <c r="D1270" s="44">
        <v>461</v>
      </c>
      <c r="E1270" s="45">
        <v>12.4</v>
      </c>
      <c r="F1270" s="45">
        <v>30.8</v>
      </c>
      <c r="G1270" s="45">
        <v>37.299999999999997</v>
      </c>
      <c r="H1270" s="46">
        <v>19.5</v>
      </c>
    </row>
    <row r="1271" spans="1:25" ht="21.6" x14ac:dyDescent="0.2">
      <c r="B1271" s="72"/>
      <c r="C1271" s="39" t="s">
        <v>48</v>
      </c>
      <c r="D1271" s="47">
        <v>2307</v>
      </c>
      <c r="E1271" s="48">
        <v>9.1999999999999993</v>
      </c>
      <c r="F1271" s="48">
        <v>30.3</v>
      </c>
      <c r="G1271" s="48">
        <v>41.7</v>
      </c>
      <c r="H1271" s="49">
        <v>18.8</v>
      </c>
    </row>
    <row r="1272" spans="1:25" x14ac:dyDescent="0.2">
      <c r="B1272" s="7" t="s">
        <v>49</v>
      </c>
      <c r="C1272" s="4" t="s">
        <v>161</v>
      </c>
    </row>
    <row r="1273" spans="1:25" x14ac:dyDescent="0.2">
      <c r="B1273" s="4"/>
      <c r="C1273" s="4" t="s">
        <v>51</v>
      </c>
    </row>
    <row r="1275" spans="1:25" x14ac:dyDescent="0.2">
      <c r="A1275" s="26" t="s">
        <v>25</v>
      </c>
      <c r="B1275" t="s">
        <v>35</v>
      </c>
      <c r="C1275" t="s">
        <v>35</v>
      </c>
    </row>
    <row r="1276" spans="1:25" x14ac:dyDescent="0.2">
      <c r="B1276" s="70" t="s">
        <v>162</v>
      </c>
      <c r="C1276" s="71"/>
      <c r="D1276" s="71"/>
      <c r="E1276" s="71"/>
      <c r="F1276" s="71"/>
      <c r="G1276" s="71"/>
      <c r="H1276" s="71"/>
      <c r="I1276" s="71"/>
      <c r="J1276" s="71"/>
      <c r="K1276" s="71"/>
      <c r="L1276" s="71"/>
      <c r="M1276" s="71"/>
      <c r="N1276" s="71"/>
      <c r="O1276" s="71"/>
      <c r="P1276" s="71"/>
      <c r="Q1276" s="71"/>
      <c r="R1276" s="71"/>
      <c r="S1276" s="71"/>
      <c r="T1276" s="71"/>
      <c r="U1276" s="71"/>
      <c r="V1276" s="71"/>
      <c r="W1276" s="71"/>
      <c r="X1276" s="71"/>
      <c r="Y1276" s="71"/>
    </row>
    <row r="1277" spans="1:25" s="32" customFormat="1" ht="47.25" customHeight="1" x14ac:dyDescent="0.15">
      <c r="A1277" s="31"/>
      <c r="D1277" s="33" t="s">
        <v>341</v>
      </c>
      <c r="E1277" s="36" t="s">
        <v>535</v>
      </c>
      <c r="F1277" s="51" t="s">
        <v>534</v>
      </c>
      <c r="G1277" s="37" t="s">
        <v>443</v>
      </c>
      <c r="H1277" s="35" t="s">
        <v>344</v>
      </c>
    </row>
    <row r="1278" spans="1:25" x14ac:dyDescent="0.2">
      <c r="B1278" s="5"/>
      <c r="C1278" s="40" t="s">
        <v>38</v>
      </c>
      <c r="D1278" s="41">
        <v>4307</v>
      </c>
      <c r="E1278" s="42">
        <v>40.1</v>
      </c>
      <c r="F1278" s="42">
        <v>41</v>
      </c>
      <c r="G1278" s="43">
        <v>18.899999999999999</v>
      </c>
    </row>
    <row r="1279" spans="1:25" x14ac:dyDescent="0.2">
      <c r="B1279" s="72" t="s">
        <v>37</v>
      </c>
      <c r="C1279" s="38" t="s">
        <v>39</v>
      </c>
      <c r="D1279" s="44">
        <v>1325</v>
      </c>
      <c r="E1279" s="45">
        <v>41.4</v>
      </c>
      <c r="F1279" s="45">
        <v>40.1</v>
      </c>
      <c r="G1279" s="46">
        <v>18.600000000000001</v>
      </c>
    </row>
    <row r="1280" spans="1:25" x14ac:dyDescent="0.2">
      <c r="B1280" s="72"/>
      <c r="C1280" s="38" t="s">
        <v>40</v>
      </c>
      <c r="D1280" s="44">
        <v>675</v>
      </c>
      <c r="E1280" s="45">
        <v>40</v>
      </c>
      <c r="F1280" s="45">
        <v>40.299999999999997</v>
      </c>
      <c r="G1280" s="46">
        <v>19.7</v>
      </c>
    </row>
    <row r="1281" spans="1:25" x14ac:dyDescent="0.2">
      <c r="B1281" s="72"/>
      <c r="C1281" s="38" t="s">
        <v>41</v>
      </c>
      <c r="D1281" s="44">
        <v>168</v>
      </c>
      <c r="E1281" s="45">
        <v>33.9</v>
      </c>
      <c r="F1281" s="45">
        <v>48.8</v>
      </c>
      <c r="G1281" s="46">
        <v>17.3</v>
      </c>
    </row>
    <row r="1282" spans="1:25" x14ac:dyDescent="0.2">
      <c r="B1282" s="72"/>
      <c r="C1282" s="38" t="s">
        <v>42</v>
      </c>
      <c r="D1282" s="44">
        <v>290</v>
      </c>
      <c r="E1282" s="45">
        <v>39.299999999999997</v>
      </c>
      <c r="F1282" s="45">
        <v>39.700000000000003</v>
      </c>
      <c r="G1282" s="46">
        <v>21</v>
      </c>
    </row>
    <row r="1283" spans="1:25" x14ac:dyDescent="0.2">
      <c r="B1283" s="72"/>
      <c r="C1283" s="38" t="s">
        <v>43</v>
      </c>
      <c r="D1283" s="44">
        <v>231</v>
      </c>
      <c r="E1283" s="45">
        <v>39</v>
      </c>
      <c r="F1283" s="45">
        <v>45.5</v>
      </c>
      <c r="G1283" s="46">
        <v>15.6</v>
      </c>
    </row>
    <row r="1284" spans="1:25" x14ac:dyDescent="0.2">
      <c r="B1284" s="72"/>
      <c r="C1284" s="38" t="s">
        <v>44</v>
      </c>
      <c r="D1284" s="44">
        <v>800</v>
      </c>
      <c r="E1284" s="45">
        <v>37.5</v>
      </c>
      <c r="F1284" s="45">
        <v>41.5</v>
      </c>
      <c r="G1284" s="46">
        <v>21</v>
      </c>
    </row>
    <row r="1285" spans="1:25" x14ac:dyDescent="0.2">
      <c r="B1285" s="72"/>
      <c r="C1285" s="38" t="s">
        <v>45</v>
      </c>
      <c r="D1285" s="44">
        <v>240</v>
      </c>
      <c r="E1285" s="45">
        <v>42.9</v>
      </c>
      <c r="F1285" s="45">
        <v>42.1</v>
      </c>
      <c r="G1285" s="46">
        <v>15</v>
      </c>
    </row>
    <row r="1286" spans="1:25" x14ac:dyDescent="0.2">
      <c r="B1286" s="72"/>
      <c r="C1286" s="38" t="s">
        <v>46</v>
      </c>
      <c r="D1286" s="44">
        <v>117</v>
      </c>
      <c r="E1286" s="45">
        <v>41</v>
      </c>
      <c r="F1286" s="45">
        <v>47</v>
      </c>
      <c r="G1286" s="46">
        <v>12</v>
      </c>
    </row>
    <row r="1287" spans="1:25" x14ac:dyDescent="0.2">
      <c r="B1287" s="72"/>
      <c r="C1287" s="38" t="s">
        <v>47</v>
      </c>
      <c r="D1287" s="44">
        <v>461</v>
      </c>
      <c r="E1287" s="45">
        <v>43.2</v>
      </c>
      <c r="F1287" s="45">
        <v>37.299999999999997</v>
      </c>
      <c r="G1287" s="46">
        <v>19.5</v>
      </c>
    </row>
    <row r="1288" spans="1:25" ht="21.6" x14ac:dyDescent="0.2">
      <c r="B1288" s="72"/>
      <c r="C1288" s="39" t="s">
        <v>48</v>
      </c>
      <c r="D1288" s="47">
        <v>2307</v>
      </c>
      <c r="E1288" s="48">
        <v>39.5</v>
      </c>
      <c r="F1288" s="48">
        <v>41.7</v>
      </c>
      <c r="G1288" s="49">
        <v>18.8</v>
      </c>
    </row>
    <row r="1290" spans="1:25" x14ac:dyDescent="0.2">
      <c r="A1290" s="26" t="s">
        <v>25</v>
      </c>
      <c r="B1290" t="s">
        <v>35</v>
      </c>
      <c r="C1290" t="s">
        <v>35</v>
      </c>
    </row>
    <row r="1291" spans="1:25" x14ac:dyDescent="0.2">
      <c r="B1291" s="70" t="s">
        <v>163</v>
      </c>
      <c r="C1291" s="71"/>
      <c r="D1291" s="71"/>
      <c r="E1291" s="71"/>
      <c r="F1291" s="71"/>
      <c r="G1291" s="71"/>
      <c r="H1291" s="71"/>
      <c r="I1291" s="71"/>
      <c r="J1291" s="71"/>
      <c r="K1291" s="71"/>
      <c r="L1291" s="71"/>
      <c r="M1291" s="71"/>
      <c r="N1291" s="71"/>
      <c r="O1291" s="71"/>
      <c r="P1291" s="71"/>
      <c r="Q1291" s="71"/>
      <c r="R1291" s="71"/>
      <c r="S1291" s="71"/>
      <c r="T1291" s="71"/>
      <c r="U1291" s="71"/>
      <c r="V1291" s="71"/>
      <c r="W1291" s="71"/>
      <c r="X1291" s="71"/>
      <c r="Y1291" s="71"/>
    </row>
    <row r="1292" spans="1:25" s="32" customFormat="1" ht="47.25" customHeight="1" x14ac:dyDescent="0.15">
      <c r="A1292" s="31"/>
      <c r="D1292" s="33" t="s">
        <v>341</v>
      </c>
      <c r="E1292" s="36" t="s">
        <v>536</v>
      </c>
      <c r="F1292" s="51" t="s">
        <v>537</v>
      </c>
      <c r="G1292" s="51" t="s">
        <v>538</v>
      </c>
      <c r="H1292" s="51" t="s">
        <v>539</v>
      </c>
      <c r="I1292" s="37" t="s">
        <v>540</v>
      </c>
      <c r="J1292" s="35" t="s">
        <v>344</v>
      </c>
    </row>
    <row r="1293" spans="1:25" x14ac:dyDescent="0.2">
      <c r="B1293" s="5"/>
      <c r="C1293" s="40" t="s">
        <v>38</v>
      </c>
      <c r="D1293" s="41">
        <v>4307</v>
      </c>
      <c r="E1293" s="42">
        <v>6.1</v>
      </c>
      <c r="F1293" s="42">
        <v>29.5</v>
      </c>
      <c r="G1293" s="42">
        <v>38.799999999999997</v>
      </c>
      <c r="H1293" s="42">
        <v>16.600000000000001</v>
      </c>
      <c r="I1293" s="43">
        <v>8.9</v>
      </c>
    </row>
    <row r="1294" spans="1:25" x14ac:dyDescent="0.2">
      <c r="B1294" s="72" t="s">
        <v>37</v>
      </c>
      <c r="C1294" s="38" t="s">
        <v>39</v>
      </c>
      <c r="D1294" s="44">
        <v>1325</v>
      </c>
      <c r="E1294" s="45">
        <v>6.5</v>
      </c>
      <c r="F1294" s="45">
        <v>32.200000000000003</v>
      </c>
      <c r="G1294" s="45">
        <v>38.200000000000003</v>
      </c>
      <c r="H1294" s="45">
        <v>14.4</v>
      </c>
      <c r="I1294" s="46">
        <v>8.8000000000000007</v>
      </c>
    </row>
    <row r="1295" spans="1:25" x14ac:dyDescent="0.2">
      <c r="B1295" s="72"/>
      <c r="C1295" s="38" t="s">
        <v>40</v>
      </c>
      <c r="D1295" s="44">
        <v>675</v>
      </c>
      <c r="E1295" s="45">
        <v>6.8</v>
      </c>
      <c r="F1295" s="45">
        <v>27.7</v>
      </c>
      <c r="G1295" s="45">
        <v>37.799999999999997</v>
      </c>
      <c r="H1295" s="45">
        <v>17.5</v>
      </c>
      <c r="I1295" s="46">
        <v>10.199999999999999</v>
      </c>
    </row>
    <row r="1296" spans="1:25" x14ac:dyDescent="0.2">
      <c r="B1296" s="72"/>
      <c r="C1296" s="38" t="s">
        <v>41</v>
      </c>
      <c r="D1296" s="44">
        <v>168</v>
      </c>
      <c r="E1296" s="45">
        <v>6</v>
      </c>
      <c r="F1296" s="45">
        <v>28.6</v>
      </c>
      <c r="G1296" s="45">
        <v>43.5</v>
      </c>
      <c r="H1296" s="45">
        <v>15.5</v>
      </c>
      <c r="I1296" s="46">
        <v>6.5</v>
      </c>
    </row>
    <row r="1297" spans="1:25" x14ac:dyDescent="0.2">
      <c r="B1297" s="72"/>
      <c r="C1297" s="38" t="s">
        <v>42</v>
      </c>
      <c r="D1297" s="44">
        <v>290</v>
      </c>
      <c r="E1297" s="45">
        <v>4.5</v>
      </c>
      <c r="F1297" s="45">
        <v>29.7</v>
      </c>
      <c r="G1297" s="45">
        <v>36.9</v>
      </c>
      <c r="H1297" s="45">
        <v>22.1</v>
      </c>
      <c r="I1297" s="46">
        <v>6.9</v>
      </c>
    </row>
    <row r="1298" spans="1:25" x14ac:dyDescent="0.2">
      <c r="B1298" s="72"/>
      <c r="C1298" s="38" t="s">
        <v>43</v>
      </c>
      <c r="D1298" s="44">
        <v>231</v>
      </c>
      <c r="E1298" s="45">
        <v>6.1</v>
      </c>
      <c r="F1298" s="45">
        <v>28.1</v>
      </c>
      <c r="G1298" s="45">
        <v>40.299999999999997</v>
      </c>
      <c r="H1298" s="45">
        <v>16.899999999999999</v>
      </c>
      <c r="I1298" s="46">
        <v>8.6999999999999993</v>
      </c>
    </row>
    <row r="1299" spans="1:25" x14ac:dyDescent="0.2">
      <c r="B1299" s="72"/>
      <c r="C1299" s="38" t="s">
        <v>44</v>
      </c>
      <c r="D1299" s="44">
        <v>800</v>
      </c>
      <c r="E1299" s="45">
        <v>4.4000000000000004</v>
      </c>
      <c r="F1299" s="45">
        <v>27.9</v>
      </c>
      <c r="G1299" s="45">
        <v>42.1</v>
      </c>
      <c r="H1299" s="45">
        <v>17.899999999999999</v>
      </c>
      <c r="I1299" s="46">
        <v>7.8</v>
      </c>
    </row>
    <row r="1300" spans="1:25" x14ac:dyDescent="0.2">
      <c r="B1300" s="72"/>
      <c r="C1300" s="38" t="s">
        <v>45</v>
      </c>
      <c r="D1300" s="44">
        <v>240</v>
      </c>
      <c r="E1300" s="45">
        <v>6.3</v>
      </c>
      <c r="F1300" s="45">
        <v>31.3</v>
      </c>
      <c r="G1300" s="45">
        <v>37.1</v>
      </c>
      <c r="H1300" s="45">
        <v>15.4</v>
      </c>
      <c r="I1300" s="46">
        <v>10</v>
      </c>
    </row>
    <row r="1301" spans="1:25" x14ac:dyDescent="0.2">
      <c r="B1301" s="72"/>
      <c r="C1301" s="38" t="s">
        <v>46</v>
      </c>
      <c r="D1301" s="44">
        <v>117</v>
      </c>
      <c r="E1301" s="45">
        <v>7.7</v>
      </c>
      <c r="F1301" s="45">
        <v>29.9</v>
      </c>
      <c r="G1301" s="45">
        <v>40.200000000000003</v>
      </c>
      <c r="H1301" s="45">
        <v>16.2</v>
      </c>
      <c r="I1301" s="46">
        <v>6</v>
      </c>
    </row>
    <row r="1302" spans="1:25" x14ac:dyDescent="0.2">
      <c r="B1302" s="72"/>
      <c r="C1302" s="38" t="s">
        <v>47</v>
      </c>
      <c r="D1302" s="44">
        <v>461</v>
      </c>
      <c r="E1302" s="45">
        <v>7.8</v>
      </c>
      <c r="F1302" s="45">
        <v>27.3</v>
      </c>
      <c r="G1302" s="45">
        <v>36</v>
      </c>
      <c r="H1302" s="45">
        <v>16.899999999999999</v>
      </c>
      <c r="I1302" s="46">
        <v>11.9</v>
      </c>
    </row>
    <row r="1303" spans="1:25" ht="21.6" x14ac:dyDescent="0.2">
      <c r="B1303" s="72"/>
      <c r="C1303" s="39" t="s">
        <v>48</v>
      </c>
      <c r="D1303" s="47">
        <v>2307</v>
      </c>
      <c r="E1303" s="48">
        <v>5.7</v>
      </c>
      <c r="F1303" s="48">
        <v>28.5</v>
      </c>
      <c r="G1303" s="48">
        <v>39.5</v>
      </c>
      <c r="H1303" s="48">
        <v>17.600000000000001</v>
      </c>
      <c r="I1303" s="49">
        <v>8.6</v>
      </c>
    </row>
    <row r="1304" spans="1:25" x14ac:dyDescent="0.2">
      <c r="B1304" s="7" t="s">
        <v>49</v>
      </c>
      <c r="C1304" s="4" t="s">
        <v>164</v>
      </c>
    </row>
    <row r="1305" spans="1:25" x14ac:dyDescent="0.2">
      <c r="B1305" s="4"/>
      <c r="C1305" s="4" t="s">
        <v>51</v>
      </c>
    </row>
    <row r="1307" spans="1:25" x14ac:dyDescent="0.2">
      <c r="A1307" s="26" t="s">
        <v>25</v>
      </c>
      <c r="B1307" t="s">
        <v>35</v>
      </c>
      <c r="C1307" t="s">
        <v>35</v>
      </c>
    </row>
    <row r="1308" spans="1:25" x14ac:dyDescent="0.2">
      <c r="B1308" s="70" t="s">
        <v>165</v>
      </c>
      <c r="C1308" s="71"/>
      <c r="D1308" s="71"/>
      <c r="E1308" s="71"/>
      <c r="F1308" s="71"/>
      <c r="G1308" s="71"/>
      <c r="H1308" s="71"/>
      <c r="I1308" s="71"/>
      <c r="J1308" s="71"/>
      <c r="K1308" s="71"/>
      <c r="L1308" s="71"/>
      <c r="M1308" s="71"/>
      <c r="N1308" s="71"/>
      <c r="O1308" s="71"/>
      <c r="P1308" s="71"/>
      <c r="Q1308" s="71"/>
      <c r="R1308" s="71"/>
      <c r="S1308" s="71"/>
      <c r="T1308" s="71"/>
      <c r="U1308" s="71"/>
      <c r="V1308" s="71"/>
      <c r="W1308" s="71"/>
      <c r="X1308" s="71"/>
      <c r="Y1308" s="71"/>
    </row>
    <row r="1309" spans="1:25" s="32" customFormat="1" ht="47.25" customHeight="1" x14ac:dyDescent="0.15">
      <c r="A1309" s="31"/>
      <c r="D1309" s="33" t="s">
        <v>341</v>
      </c>
      <c r="E1309" s="36" t="s">
        <v>541</v>
      </c>
      <c r="F1309" s="51" t="s">
        <v>538</v>
      </c>
      <c r="G1309" s="37" t="s">
        <v>542</v>
      </c>
      <c r="H1309" s="35" t="s">
        <v>344</v>
      </c>
    </row>
    <row r="1310" spans="1:25" x14ac:dyDescent="0.2">
      <c r="B1310" s="5"/>
      <c r="C1310" s="40" t="s">
        <v>38</v>
      </c>
      <c r="D1310" s="41">
        <v>4307</v>
      </c>
      <c r="E1310" s="42">
        <v>35.6</v>
      </c>
      <c r="F1310" s="42">
        <v>38.799999999999997</v>
      </c>
      <c r="G1310" s="43">
        <v>25.5</v>
      </c>
    </row>
    <row r="1311" spans="1:25" x14ac:dyDescent="0.2">
      <c r="B1311" s="72" t="s">
        <v>37</v>
      </c>
      <c r="C1311" s="38" t="s">
        <v>39</v>
      </c>
      <c r="D1311" s="44">
        <v>1325</v>
      </c>
      <c r="E1311" s="45">
        <v>38.6</v>
      </c>
      <c r="F1311" s="45">
        <v>38.200000000000003</v>
      </c>
      <c r="G1311" s="46">
        <v>23.2</v>
      </c>
    </row>
    <row r="1312" spans="1:25" x14ac:dyDescent="0.2">
      <c r="B1312" s="72"/>
      <c r="C1312" s="38" t="s">
        <v>40</v>
      </c>
      <c r="D1312" s="44">
        <v>675</v>
      </c>
      <c r="E1312" s="45">
        <v>34.5</v>
      </c>
      <c r="F1312" s="45">
        <v>37.799999999999997</v>
      </c>
      <c r="G1312" s="46">
        <v>27.7</v>
      </c>
    </row>
    <row r="1313" spans="1:25" x14ac:dyDescent="0.2">
      <c r="B1313" s="72"/>
      <c r="C1313" s="38" t="s">
        <v>41</v>
      </c>
      <c r="D1313" s="44">
        <v>168</v>
      </c>
      <c r="E1313" s="45">
        <v>34.5</v>
      </c>
      <c r="F1313" s="45">
        <v>43.5</v>
      </c>
      <c r="G1313" s="46">
        <v>22</v>
      </c>
    </row>
    <row r="1314" spans="1:25" x14ac:dyDescent="0.2">
      <c r="B1314" s="72"/>
      <c r="C1314" s="38" t="s">
        <v>42</v>
      </c>
      <c r="D1314" s="44">
        <v>290</v>
      </c>
      <c r="E1314" s="45">
        <v>34.1</v>
      </c>
      <c r="F1314" s="45">
        <v>36.9</v>
      </c>
      <c r="G1314" s="46">
        <v>29</v>
      </c>
    </row>
    <row r="1315" spans="1:25" x14ac:dyDescent="0.2">
      <c r="B1315" s="72"/>
      <c r="C1315" s="38" t="s">
        <v>43</v>
      </c>
      <c r="D1315" s="44">
        <v>231</v>
      </c>
      <c r="E1315" s="45">
        <v>34.200000000000003</v>
      </c>
      <c r="F1315" s="45">
        <v>40.299999999999997</v>
      </c>
      <c r="G1315" s="46">
        <v>25.5</v>
      </c>
    </row>
    <row r="1316" spans="1:25" x14ac:dyDescent="0.2">
      <c r="B1316" s="72"/>
      <c r="C1316" s="38" t="s">
        <v>44</v>
      </c>
      <c r="D1316" s="44">
        <v>800</v>
      </c>
      <c r="E1316" s="45">
        <v>32.299999999999997</v>
      </c>
      <c r="F1316" s="45">
        <v>42.1</v>
      </c>
      <c r="G1316" s="46">
        <v>25.6</v>
      </c>
    </row>
    <row r="1317" spans="1:25" x14ac:dyDescent="0.2">
      <c r="B1317" s="72"/>
      <c r="C1317" s="38" t="s">
        <v>45</v>
      </c>
      <c r="D1317" s="44">
        <v>240</v>
      </c>
      <c r="E1317" s="45">
        <v>37.5</v>
      </c>
      <c r="F1317" s="45">
        <v>37.1</v>
      </c>
      <c r="G1317" s="46">
        <v>25.4</v>
      </c>
    </row>
    <row r="1318" spans="1:25" x14ac:dyDescent="0.2">
      <c r="B1318" s="72"/>
      <c r="C1318" s="38" t="s">
        <v>46</v>
      </c>
      <c r="D1318" s="44">
        <v>117</v>
      </c>
      <c r="E1318" s="45">
        <v>37.6</v>
      </c>
      <c r="F1318" s="45">
        <v>40.200000000000003</v>
      </c>
      <c r="G1318" s="46">
        <v>22.2</v>
      </c>
    </row>
    <row r="1319" spans="1:25" x14ac:dyDescent="0.2">
      <c r="B1319" s="72"/>
      <c r="C1319" s="38" t="s">
        <v>47</v>
      </c>
      <c r="D1319" s="44">
        <v>461</v>
      </c>
      <c r="E1319" s="45">
        <v>35.1</v>
      </c>
      <c r="F1319" s="45">
        <v>36</v>
      </c>
      <c r="G1319" s="46">
        <v>28.9</v>
      </c>
    </row>
    <row r="1320" spans="1:25" ht="21.6" x14ac:dyDescent="0.2">
      <c r="B1320" s="72"/>
      <c r="C1320" s="39" t="s">
        <v>48</v>
      </c>
      <c r="D1320" s="47">
        <v>2307</v>
      </c>
      <c r="E1320" s="48">
        <v>34.200000000000003</v>
      </c>
      <c r="F1320" s="48">
        <v>39.5</v>
      </c>
      <c r="G1320" s="49">
        <v>26.2</v>
      </c>
    </row>
    <row r="1322" spans="1:25" x14ac:dyDescent="0.2">
      <c r="A1322" s="26" t="s">
        <v>25</v>
      </c>
      <c r="B1322" t="s">
        <v>35</v>
      </c>
      <c r="C1322" t="s">
        <v>35</v>
      </c>
    </row>
    <row r="1323" spans="1:25" x14ac:dyDescent="0.2">
      <c r="B1323" s="70" t="s">
        <v>166</v>
      </c>
      <c r="C1323" s="71"/>
      <c r="D1323" s="71"/>
      <c r="E1323" s="71"/>
      <c r="F1323" s="71"/>
      <c r="G1323" s="71"/>
      <c r="H1323" s="71"/>
      <c r="I1323" s="71"/>
      <c r="J1323" s="71"/>
      <c r="K1323" s="71"/>
      <c r="L1323" s="71"/>
      <c r="M1323" s="71"/>
      <c r="N1323" s="71"/>
      <c r="O1323" s="71"/>
      <c r="P1323" s="71"/>
      <c r="Q1323" s="71"/>
      <c r="R1323" s="71"/>
      <c r="S1323" s="71"/>
      <c r="T1323" s="71"/>
      <c r="U1323" s="71"/>
      <c r="V1323" s="71"/>
      <c r="W1323" s="71"/>
      <c r="X1323" s="71"/>
      <c r="Y1323" s="71"/>
    </row>
    <row r="1324" spans="1:25" s="32" customFormat="1" ht="47.25" customHeight="1" x14ac:dyDescent="0.15">
      <c r="A1324" s="31"/>
      <c r="D1324" s="33" t="s">
        <v>341</v>
      </c>
      <c r="E1324" s="36" t="s">
        <v>536</v>
      </c>
      <c r="F1324" s="51" t="s">
        <v>537</v>
      </c>
      <c r="G1324" s="51" t="s">
        <v>538</v>
      </c>
      <c r="H1324" s="51" t="s">
        <v>539</v>
      </c>
      <c r="I1324" s="37" t="s">
        <v>540</v>
      </c>
      <c r="J1324" s="35" t="s">
        <v>344</v>
      </c>
    </row>
    <row r="1325" spans="1:25" x14ac:dyDescent="0.2">
      <c r="B1325" s="5"/>
      <c r="C1325" s="40" t="s">
        <v>38</v>
      </c>
      <c r="D1325" s="41">
        <v>4307</v>
      </c>
      <c r="E1325" s="42">
        <v>5.0999999999999996</v>
      </c>
      <c r="F1325" s="42">
        <v>32.299999999999997</v>
      </c>
      <c r="G1325" s="42">
        <v>34.5</v>
      </c>
      <c r="H1325" s="42">
        <v>19.5</v>
      </c>
      <c r="I1325" s="43">
        <v>8.6</v>
      </c>
    </row>
    <row r="1326" spans="1:25" x14ac:dyDescent="0.2">
      <c r="B1326" s="72" t="s">
        <v>37</v>
      </c>
      <c r="C1326" s="38" t="s">
        <v>39</v>
      </c>
      <c r="D1326" s="44">
        <v>1325</v>
      </c>
      <c r="E1326" s="45">
        <v>5</v>
      </c>
      <c r="F1326" s="45">
        <v>32.799999999999997</v>
      </c>
      <c r="G1326" s="45">
        <v>37.1</v>
      </c>
      <c r="H1326" s="45">
        <v>17.3</v>
      </c>
      <c r="I1326" s="46">
        <v>7.8</v>
      </c>
    </row>
    <row r="1327" spans="1:25" x14ac:dyDescent="0.2">
      <c r="B1327" s="72"/>
      <c r="C1327" s="38" t="s">
        <v>40</v>
      </c>
      <c r="D1327" s="44">
        <v>675</v>
      </c>
      <c r="E1327" s="45">
        <v>7.4</v>
      </c>
      <c r="F1327" s="45">
        <v>32</v>
      </c>
      <c r="G1327" s="45">
        <v>32.9</v>
      </c>
      <c r="H1327" s="45">
        <v>20</v>
      </c>
      <c r="I1327" s="46">
        <v>7.7</v>
      </c>
    </row>
    <row r="1328" spans="1:25" x14ac:dyDescent="0.2">
      <c r="B1328" s="72"/>
      <c r="C1328" s="38" t="s">
        <v>41</v>
      </c>
      <c r="D1328" s="44">
        <v>168</v>
      </c>
      <c r="E1328" s="45">
        <v>3.6</v>
      </c>
      <c r="F1328" s="45">
        <v>32.700000000000003</v>
      </c>
      <c r="G1328" s="45">
        <v>36.299999999999997</v>
      </c>
      <c r="H1328" s="45">
        <v>20.8</v>
      </c>
      <c r="I1328" s="46">
        <v>6.5</v>
      </c>
    </row>
    <row r="1329" spans="1:25" x14ac:dyDescent="0.2">
      <c r="B1329" s="72"/>
      <c r="C1329" s="38" t="s">
        <v>42</v>
      </c>
      <c r="D1329" s="44">
        <v>290</v>
      </c>
      <c r="E1329" s="45">
        <v>2.8</v>
      </c>
      <c r="F1329" s="45">
        <v>34.5</v>
      </c>
      <c r="G1329" s="45">
        <v>36.200000000000003</v>
      </c>
      <c r="H1329" s="45">
        <v>20</v>
      </c>
      <c r="I1329" s="46">
        <v>6.6</v>
      </c>
    </row>
    <row r="1330" spans="1:25" x14ac:dyDescent="0.2">
      <c r="B1330" s="72"/>
      <c r="C1330" s="38" t="s">
        <v>43</v>
      </c>
      <c r="D1330" s="44">
        <v>231</v>
      </c>
      <c r="E1330" s="45">
        <v>3</v>
      </c>
      <c r="F1330" s="45">
        <v>32.9</v>
      </c>
      <c r="G1330" s="45">
        <v>29.4</v>
      </c>
      <c r="H1330" s="45">
        <v>22.5</v>
      </c>
      <c r="I1330" s="46">
        <v>12.1</v>
      </c>
    </row>
    <row r="1331" spans="1:25" x14ac:dyDescent="0.2">
      <c r="B1331" s="72"/>
      <c r="C1331" s="38" t="s">
        <v>44</v>
      </c>
      <c r="D1331" s="44">
        <v>800</v>
      </c>
      <c r="E1331" s="45">
        <v>5.0999999999999996</v>
      </c>
      <c r="F1331" s="45">
        <v>32.5</v>
      </c>
      <c r="G1331" s="45">
        <v>35.1</v>
      </c>
      <c r="H1331" s="45">
        <v>18.5</v>
      </c>
      <c r="I1331" s="46">
        <v>8.8000000000000007</v>
      </c>
    </row>
    <row r="1332" spans="1:25" x14ac:dyDescent="0.2">
      <c r="B1332" s="72"/>
      <c r="C1332" s="38" t="s">
        <v>45</v>
      </c>
      <c r="D1332" s="44">
        <v>240</v>
      </c>
      <c r="E1332" s="45">
        <v>4.5999999999999996</v>
      </c>
      <c r="F1332" s="45">
        <v>32.5</v>
      </c>
      <c r="G1332" s="45">
        <v>32.5</v>
      </c>
      <c r="H1332" s="45">
        <v>20</v>
      </c>
      <c r="I1332" s="46">
        <v>10.4</v>
      </c>
    </row>
    <row r="1333" spans="1:25" x14ac:dyDescent="0.2">
      <c r="B1333" s="72"/>
      <c r="C1333" s="38" t="s">
        <v>46</v>
      </c>
      <c r="D1333" s="44">
        <v>117</v>
      </c>
      <c r="E1333" s="45">
        <v>7.7</v>
      </c>
      <c r="F1333" s="45">
        <v>29.9</v>
      </c>
      <c r="G1333" s="45">
        <v>32.5</v>
      </c>
      <c r="H1333" s="45">
        <v>18.8</v>
      </c>
      <c r="I1333" s="46">
        <v>11.1</v>
      </c>
    </row>
    <row r="1334" spans="1:25" x14ac:dyDescent="0.2">
      <c r="B1334" s="72"/>
      <c r="C1334" s="38" t="s">
        <v>47</v>
      </c>
      <c r="D1334" s="44">
        <v>461</v>
      </c>
      <c r="E1334" s="45">
        <v>5</v>
      </c>
      <c r="F1334" s="45">
        <v>29.9</v>
      </c>
      <c r="G1334" s="45">
        <v>30.6</v>
      </c>
      <c r="H1334" s="45">
        <v>24.3</v>
      </c>
      <c r="I1334" s="46">
        <v>10.199999999999999</v>
      </c>
    </row>
    <row r="1335" spans="1:25" ht="21.6" x14ac:dyDescent="0.2">
      <c r="B1335" s="72"/>
      <c r="C1335" s="39" t="s">
        <v>48</v>
      </c>
      <c r="D1335" s="47">
        <v>2307</v>
      </c>
      <c r="E1335" s="48">
        <v>4.5999999999999996</v>
      </c>
      <c r="F1335" s="48">
        <v>32.200000000000003</v>
      </c>
      <c r="G1335" s="48">
        <v>33.5</v>
      </c>
      <c r="H1335" s="48">
        <v>20.6</v>
      </c>
      <c r="I1335" s="49">
        <v>9.1999999999999993</v>
      </c>
    </row>
    <row r="1336" spans="1:25" x14ac:dyDescent="0.2">
      <c r="B1336" s="7" t="s">
        <v>49</v>
      </c>
      <c r="C1336" s="4" t="s">
        <v>167</v>
      </c>
    </row>
    <row r="1337" spans="1:25" x14ac:dyDescent="0.2">
      <c r="B1337" s="4"/>
      <c r="C1337" s="4" t="s">
        <v>51</v>
      </c>
    </row>
    <row r="1339" spans="1:25" x14ac:dyDescent="0.2">
      <c r="A1339" s="26" t="s">
        <v>25</v>
      </c>
      <c r="B1339" t="s">
        <v>35</v>
      </c>
      <c r="C1339" t="s">
        <v>35</v>
      </c>
    </row>
    <row r="1340" spans="1:25" x14ac:dyDescent="0.2">
      <c r="B1340" s="70" t="s">
        <v>168</v>
      </c>
      <c r="C1340" s="71"/>
      <c r="D1340" s="71"/>
      <c r="E1340" s="71"/>
      <c r="F1340" s="71"/>
      <c r="G1340" s="71"/>
      <c r="H1340" s="71"/>
      <c r="I1340" s="71"/>
      <c r="J1340" s="71"/>
      <c r="K1340" s="71"/>
      <c r="L1340" s="71"/>
      <c r="M1340" s="71"/>
      <c r="N1340" s="71"/>
      <c r="O1340" s="71"/>
      <c r="P1340" s="71"/>
      <c r="Q1340" s="71"/>
      <c r="R1340" s="71"/>
      <c r="S1340" s="71"/>
      <c r="T1340" s="71"/>
      <c r="U1340" s="71"/>
      <c r="V1340" s="71"/>
      <c r="W1340" s="71"/>
      <c r="X1340" s="71"/>
      <c r="Y1340" s="71"/>
    </row>
    <row r="1341" spans="1:25" s="32" customFormat="1" ht="47.25" customHeight="1" x14ac:dyDescent="0.15">
      <c r="A1341" s="31"/>
      <c r="D1341" s="33" t="s">
        <v>341</v>
      </c>
      <c r="E1341" s="36" t="s">
        <v>541</v>
      </c>
      <c r="F1341" s="51" t="s">
        <v>538</v>
      </c>
      <c r="G1341" s="37" t="s">
        <v>542</v>
      </c>
      <c r="H1341" s="35" t="s">
        <v>344</v>
      </c>
    </row>
    <row r="1342" spans="1:25" x14ac:dyDescent="0.2">
      <c r="B1342" s="5"/>
      <c r="C1342" s="40" t="s">
        <v>38</v>
      </c>
      <c r="D1342" s="41">
        <v>4307</v>
      </c>
      <c r="E1342" s="42">
        <v>37.5</v>
      </c>
      <c r="F1342" s="42">
        <v>34.5</v>
      </c>
      <c r="G1342" s="43">
        <v>28</v>
      </c>
    </row>
    <row r="1343" spans="1:25" x14ac:dyDescent="0.2">
      <c r="B1343" s="72" t="s">
        <v>37</v>
      </c>
      <c r="C1343" s="38" t="s">
        <v>39</v>
      </c>
      <c r="D1343" s="44">
        <v>1325</v>
      </c>
      <c r="E1343" s="45">
        <v>37.700000000000003</v>
      </c>
      <c r="F1343" s="45">
        <v>37.1</v>
      </c>
      <c r="G1343" s="46">
        <v>25.1</v>
      </c>
    </row>
    <row r="1344" spans="1:25" x14ac:dyDescent="0.2">
      <c r="B1344" s="72"/>
      <c r="C1344" s="38" t="s">
        <v>40</v>
      </c>
      <c r="D1344" s="44">
        <v>675</v>
      </c>
      <c r="E1344" s="45">
        <v>39.4</v>
      </c>
      <c r="F1344" s="45">
        <v>32.9</v>
      </c>
      <c r="G1344" s="46">
        <v>27.7</v>
      </c>
    </row>
    <row r="1345" spans="1:25" x14ac:dyDescent="0.2">
      <c r="B1345" s="72"/>
      <c r="C1345" s="38" t="s">
        <v>41</v>
      </c>
      <c r="D1345" s="44">
        <v>168</v>
      </c>
      <c r="E1345" s="45">
        <v>36.299999999999997</v>
      </c>
      <c r="F1345" s="45">
        <v>36.299999999999997</v>
      </c>
      <c r="G1345" s="46">
        <v>27.4</v>
      </c>
    </row>
    <row r="1346" spans="1:25" x14ac:dyDescent="0.2">
      <c r="B1346" s="72"/>
      <c r="C1346" s="38" t="s">
        <v>42</v>
      </c>
      <c r="D1346" s="44">
        <v>290</v>
      </c>
      <c r="E1346" s="45">
        <v>37.200000000000003</v>
      </c>
      <c r="F1346" s="45">
        <v>36.200000000000003</v>
      </c>
      <c r="G1346" s="46">
        <v>26.6</v>
      </c>
    </row>
    <row r="1347" spans="1:25" x14ac:dyDescent="0.2">
      <c r="B1347" s="72"/>
      <c r="C1347" s="38" t="s">
        <v>43</v>
      </c>
      <c r="D1347" s="44">
        <v>231</v>
      </c>
      <c r="E1347" s="45">
        <v>35.9</v>
      </c>
      <c r="F1347" s="45">
        <v>29.4</v>
      </c>
      <c r="G1347" s="46">
        <v>34.6</v>
      </c>
    </row>
    <row r="1348" spans="1:25" x14ac:dyDescent="0.2">
      <c r="B1348" s="72"/>
      <c r="C1348" s="38" t="s">
        <v>44</v>
      </c>
      <c r="D1348" s="44">
        <v>800</v>
      </c>
      <c r="E1348" s="45">
        <v>37.6</v>
      </c>
      <c r="F1348" s="45">
        <v>35.1</v>
      </c>
      <c r="G1348" s="46">
        <v>27.3</v>
      </c>
    </row>
    <row r="1349" spans="1:25" x14ac:dyDescent="0.2">
      <c r="B1349" s="72"/>
      <c r="C1349" s="38" t="s">
        <v>45</v>
      </c>
      <c r="D1349" s="44">
        <v>240</v>
      </c>
      <c r="E1349" s="45">
        <v>37.1</v>
      </c>
      <c r="F1349" s="45">
        <v>32.5</v>
      </c>
      <c r="G1349" s="46">
        <v>30.4</v>
      </c>
    </row>
    <row r="1350" spans="1:25" x14ac:dyDescent="0.2">
      <c r="B1350" s="72"/>
      <c r="C1350" s="38" t="s">
        <v>46</v>
      </c>
      <c r="D1350" s="44">
        <v>117</v>
      </c>
      <c r="E1350" s="45">
        <v>37.6</v>
      </c>
      <c r="F1350" s="45">
        <v>32.5</v>
      </c>
      <c r="G1350" s="46">
        <v>29.9</v>
      </c>
    </row>
    <row r="1351" spans="1:25" x14ac:dyDescent="0.2">
      <c r="B1351" s="72"/>
      <c r="C1351" s="38" t="s">
        <v>47</v>
      </c>
      <c r="D1351" s="44">
        <v>461</v>
      </c>
      <c r="E1351" s="45">
        <v>34.9</v>
      </c>
      <c r="F1351" s="45">
        <v>30.6</v>
      </c>
      <c r="G1351" s="46">
        <v>34.5</v>
      </c>
    </row>
    <row r="1352" spans="1:25" ht="21.6" x14ac:dyDescent="0.2">
      <c r="B1352" s="72"/>
      <c r="C1352" s="39" t="s">
        <v>48</v>
      </c>
      <c r="D1352" s="47">
        <v>2307</v>
      </c>
      <c r="E1352" s="48">
        <v>36.700000000000003</v>
      </c>
      <c r="F1352" s="48">
        <v>33.5</v>
      </c>
      <c r="G1352" s="49">
        <v>29.8</v>
      </c>
    </row>
    <row r="1354" spans="1:25" x14ac:dyDescent="0.2">
      <c r="A1354" s="26" t="s">
        <v>25</v>
      </c>
      <c r="B1354" t="s">
        <v>35</v>
      </c>
      <c r="C1354" t="s">
        <v>35</v>
      </c>
    </row>
    <row r="1355" spans="1:25" x14ac:dyDescent="0.2">
      <c r="B1355" s="70" t="s">
        <v>169</v>
      </c>
      <c r="C1355" s="71"/>
      <c r="D1355" s="71"/>
      <c r="E1355" s="71"/>
      <c r="F1355" s="71"/>
      <c r="G1355" s="71"/>
      <c r="H1355" s="71"/>
      <c r="I1355" s="71"/>
      <c r="J1355" s="71"/>
      <c r="K1355" s="71"/>
      <c r="L1355" s="71"/>
      <c r="M1355" s="71"/>
      <c r="N1355" s="71"/>
      <c r="O1355" s="71"/>
      <c r="P1355" s="71"/>
      <c r="Q1355" s="71"/>
      <c r="R1355" s="71"/>
      <c r="S1355" s="71"/>
      <c r="T1355" s="71"/>
      <c r="U1355" s="71"/>
      <c r="V1355" s="71"/>
      <c r="W1355" s="71"/>
      <c r="X1355" s="71"/>
      <c r="Y1355" s="71"/>
    </row>
    <row r="1356" spans="1:25" s="32" customFormat="1" ht="68.849999999999994" customHeight="1" x14ac:dyDescent="0.15">
      <c r="A1356" s="31"/>
      <c r="D1356" s="33" t="s">
        <v>341</v>
      </c>
      <c r="E1356" s="36" t="s">
        <v>543</v>
      </c>
      <c r="F1356" s="51" t="s">
        <v>544</v>
      </c>
      <c r="G1356" s="37" t="s">
        <v>545</v>
      </c>
      <c r="H1356" s="35" t="s">
        <v>344</v>
      </c>
    </row>
    <row r="1357" spans="1:25" x14ac:dyDescent="0.2">
      <c r="B1357" s="5"/>
      <c r="C1357" s="40" t="s">
        <v>38</v>
      </c>
      <c r="D1357" s="41">
        <v>4307</v>
      </c>
      <c r="E1357" s="42">
        <v>37.799999999999997</v>
      </c>
      <c r="F1357" s="42">
        <v>42</v>
      </c>
      <c r="G1357" s="43">
        <v>20.2</v>
      </c>
    </row>
    <row r="1358" spans="1:25" x14ac:dyDescent="0.2">
      <c r="B1358" s="72" t="s">
        <v>37</v>
      </c>
      <c r="C1358" s="38" t="s">
        <v>39</v>
      </c>
      <c r="D1358" s="44">
        <v>1325</v>
      </c>
      <c r="E1358" s="45">
        <v>40.299999999999997</v>
      </c>
      <c r="F1358" s="45">
        <v>39.5</v>
      </c>
      <c r="G1358" s="46">
        <v>20.2</v>
      </c>
    </row>
    <row r="1359" spans="1:25" x14ac:dyDescent="0.2">
      <c r="B1359" s="72"/>
      <c r="C1359" s="38" t="s">
        <v>40</v>
      </c>
      <c r="D1359" s="44">
        <v>675</v>
      </c>
      <c r="E1359" s="45">
        <v>39.4</v>
      </c>
      <c r="F1359" s="45">
        <v>40.6</v>
      </c>
      <c r="G1359" s="46">
        <v>20</v>
      </c>
    </row>
    <row r="1360" spans="1:25" x14ac:dyDescent="0.2">
      <c r="B1360" s="72"/>
      <c r="C1360" s="38" t="s">
        <v>41</v>
      </c>
      <c r="D1360" s="44">
        <v>168</v>
      </c>
      <c r="E1360" s="45">
        <v>27.4</v>
      </c>
      <c r="F1360" s="45">
        <v>55.4</v>
      </c>
      <c r="G1360" s="46">
        <v>17.3</v>
      </c>
    </row>
    <row r="1361" spans="1:25" x14ac:dyDescent="0.2">
      <c r="B1361" s="72"/>
      <c r="C1361" s="38" t="s">
        <v>42</v>
      </c>
      <c r="D1361" s="44">
        <v>290</v>
      </c>
      <c r="E1361" s="45">
        <v>33.799999999999997</v>
      </c>
      <c r="F1361" s="45">
        <v>46.9</v>
      </c>
      <c r="G1361" s="46">
        <v>19.3</v>
      </c>
    </row>
    <row r="1362" spans="1:25" x14ac:dyDescent="0.2">
      <c r="B1362" s="72"/>
      <c r="C1362" s="38" t="s">
        <v>43</v>
      </c>
      <c r="D1362" s="44">
        <v>231</v>
      </c>
      <c r="E1362" s="45">
        <v>35.5</v>
      </c>
      <c r="F1362" s="45">
        <v>41.1</v>
      </c>
      <c r="G1362" s="46">
        <v>23.4</v>
      </c>
    </row>
    <row r="1363" spans="1:25" x14ac:dyDescent="0.2">
      <c r="B1363" s="72"/>
      <c r="C1363" s="38" t="s">
        <v>44</v>
      </c>
      <c r="D1363" s="44">
        <v>800</v>
      </c>
      <c r="E1363" s="45">
        <v>41</v>
      </c>
      <c r="F1363" s="45">
        <v>41.1</v>
      </c>
      <c r="G1363" s="46">
        <v>17.899999999999999</v>
      </c>
    </row>
    <row r="1364" spans="1:25" x14ac:dyDescent="0.2">
      <c r="B1364" s="72"/>
      <c r="C1364" s="38" t="s">
        <v>45</v>
      </c>
      <c r="D1364" s="44">
        <v>240</v>
      </c>
      <c r="E1364" s="45">
        <v>35.799999999999997</v>
      </c>
      <c r="F1364" s="45">
        <v>42.1</v>
      </c>
      <c r="G1364" s="46">
        <v>22.1</v>
      </c>
    </row>
    <row r="1365" spans="1:25" x14ac:dyDescent="0.2">
      <c r="B1365" s="72"/>
      <c r="C1365" s="38" t="s">
        <v>46</v>
      </c>
      <c r="D1365" s="44">
        <v>117</v>
      </c>
      <c r="E1365" s="45">
        <v>37.6</v>
      </c>
      <c r="F1365" s="45">
        <v>41.9</v>
      </c>
      <c r="G1365" s="46">
        <v>20.5</v>
      </c>
    </row>
    <row r="1366" spans="1:25" x14ac:dyDescent="0.2">
      <c r="B1366" s="72"/>
      <c r="C1366" s="38" t="s">
        <v>47</v>
      </c>
      <c r="D1366" s="44">
        <v>461</v>
      </c>
      <c r="E1366" s="45">
        <v>31.5</v>
      </c>
      <c r="F1366" s="45">
        <v>45.1</v>
      </c>
      <c r="G1366" s="46">
        <v>23.4</v>
      </c>
    </row>
    <row r="1367" spans="1:25" ht="21.6" x14ac:dyDescent="0.2">
      <c r="B1367" s="72"/>
      <c r="C1367" s="39" t="s">
        <v>48</v>
      </c>
      <c r="D1367" s="47">
        <v>2307</v>
      </c>
      <c r="E1367" s="48">
        <v>35.9</v>
      </c>
      <c r="F1367" s="48">
        <v>43.8</v>
      </c>
      <c r="G1367" s="49">
        <v>20.2</v>
      </c>
    </row>
    <row r="1368" spans="1:25" x14ac:dyDescent="0.2">
      <c r="B1368" s="7" t="s">
        <v>49</v>
      </c>
      <c r="C1368" s="4" t="s">
        <v>170</v>
      </c>
    </row>
    <row r="1369" spans="1:25" x14ac:dyDescent="0.2">
      <c r="B1369" s="4"/>
      <c r="C1369" s="4" t="s">
        <v>51</v>
      </c>
    </row>
    <row r="1371" spans="1:25" x14ac:dyDescent="0.2">
      <c r="A1371" s="26" t="s">
        <v>25</v>
      </c>
      <c r="B1371" t="s">
        <v>35</v>
      </c>
      <c r="C1371" t="s">
        <v>35</v>
      </c>
    </row>
    <row r="1372" spans="1:25" x14ac:dyDescent="0.2">
      <c r="B1372" s="70" t="s">
        <v>171</v>
      </c>
      <c r="C1372" s="71"/>
      <c r="D1372" s="71"/>
      <c r="E1372" s="71"/>
      <c r="F1372" s="71"/>
      <c r="G1372" s="71"/>
      <c r="H1372" s="71"/>
      <c r="I1372" s="71"/>
      <c r="J1372" s="71"/>
      <c r="K1372" s="71"/>
      <c r="L1372" s="71"/>
      <c r="M1372" s="71"/>
      <c r="N1372" s="71"/>
      <c r="O1372" s="71"/>
      <c r="P1372" s="71"/>
      <c r="Q1372" s="71"/>
      <c r="R1372" s="71"/>
      <c r="S1372" s="71"/>
      <c r="T1372" s="71"/>
      <c r="U1372" s="71"/>
      <c r="V1372" s="71"/>
      <c r="W1372" s="71"/>
      <c r="X1372" s="71"/>
      <c r="Y1372" s="71"/>
    </row>
    <row r="1373" spans="1:25" s="32" customFormat="1" ht="79.650000000000006" customHeight="1" x14ac:dyDescent="0.15">
      <c r="A1373" s="31"/>
      <c r="D1373" s="33" t="s">
        <v>341</v>
      </c>
      <c r="E1373" s="36" t="s">
        <v>546</v>
      </c>
      <c r="F1373" s="51" t="s">
        <v>547</v>
      </c>
      <c r="G1373" s="51" t="s">
        <v>548</v>
      </c>
      <c r="H1373" s="37" t="s">
        <v>549</v>
      </c>
      <c r="I1373" s="35" t="s">
        <v>344</v>
      </c>
    </row>
    <row r="1374" spans="1:25" x14ac:dyDescent="0.2">
      <c r="B1374" s="5"/>
      <c r="C1374" s="40" t="s">
        <v>38</v>
      </c>
      <c r="D1374" s="41">
        <v>4307</v>
      </c>
      <c r="E1374" s="42">
        <v>27.7</v>
      </c>
      <c r="F1374" s="42">
        <v>2</v>
      </c>
      <c r="G1374" s="42">
        <v>13.6</v>
      </c>
      <c r="H1374" s="43">
        <v>56.7</v>
      </c>
    </row>
    <row r="1375" spans="1:25" x14ac:dyDescent="0.2">
      <c r="B1375" s="72" t="s">
        <v>37</v>
      </c>
      <c r="C1375" s="38" t="s">
        <v>39</v>
      </c>
      <c r="D1375" s="44">
        <v>1325</v>
      </c>
      <c r="E1375" s="45">
        <v>27.5</v>
      </c>
      <c r="F1375" s="45">
        <v>2.1</v>
      </c>
      <c r="G1375" s="45">
        <v>13.5</v>
      </c>
      <c r="H1375" s="46">
        <v>56.8</v>
      </c>
    </row>
    <row r="1376" spans="1:25" x14ac:dyDescent="0.2">
      <c r="B1376" s="72"/>
      <c r="C1376" s="38" t="s">
        <v>40</v>
      </c>
      <c r="D1376" s="44">
        <v>675</v>
      </c>
      <c r="E1376" s="45">
        <v>29.8</v>
      </c>
      <c r="F1376" s="45">
        <v>2.2000000000000002</v>
      </c>
      <c r="G1376" s="45">
        <v>13.5</v>
      </c>
      <c r="H1376" s="46">
        <v>54.5</v>
      </c>
    </row>
    <row r="1377" spans="1:25" x14ac:dyDescent="0.2">
      <c r="B1377" s="72"/>
      <c r="C1377" s="38" t="s">
        <v>41</v>
      </c>
      <c r="D1377" s="44">
        <v>168</v>
      </c>
      <c r="E1377" s="45">
        <v>19.600000000000001</v>
      </c>
      <c r="F1377" s="45">
        <v>0.6</v>
      </c>
      <c r="G1377" s="45">
        <v>8.3000000000000007</v>
      </c>
      <c r="H1377" s="46">
        <v>71.400000000000006</v>
      </c>
    </row>
    <row r="1378" spans="1:25" x14ac:dyDescent="0.2">
      <c r="B1378" s="72"/>
      <c r="C1378" s="38" t="s">
        <v>42</v>
      </c>
      <c r="D1378" s="44">
        <v>290</v>
      </c>
      <c r="E1378" s="45">
        <v>26.6</v>
      </c>
      <c r="F1378" s="45">
        <v>2.1</v>
      </c>
      <c r="G1378" s="45">
        <v>13.8</v>
      </c>
      <c r="H1378" s="46">
        <v>57.6</v>
      </c>
    </row>
    <row r="1379" spans="1:25" x14ac:dyDescent="0.2">
      <c r="B1379" s="72"/>
      <c r="C1379" s="38" t="s">
        <v>43</v>
      </c>
      <c r="D1379" s="44">
        <v>231</v>
      </c>
      <c r="E1379" s="45">
        <v>27.7</v>
      </c>
      <c r="F1379" s="45">
        <v>1.3</v>
      </c>
      <c r="G1379" s="45">
        <v>13</v>
      </c>
      <c r="H1379" s="46">
        <v>58</v>
      </c>
    </row>
    <row r="1380" spans="1:25" x14ac:dyDescent="0.2">
      <c r="B1380" s="72"/>
      <c r="C1380" s="38" t="s">
        <v>44</v>
      </c>
      <c r="D1380" s="44">
        <v>800</v>
      </c>
      <c r="E1380" s="45">
        <v>32.5</v>
      </c>
      <c r="F1380" s="45">
        <v>2.1</v>
      </c>
      <c r="G1380" s="45">
        <v>14.1</v>
      </c>
      <c r="H1380" s="46">
        <v>51.3</v>
      </c>
    </row>
    <row r="1381" spans="1:25" x14ac:dyDescent="0.2">
      <c r="B1381" s="72"/>
      <c r="C1381" s="38" t="s">
        <v>45</v>
      </c>
      <c r="D1381" s="44">
        <v>240</v>
      </c>
      <c r="E1381" s="45">
        <v>24.2</v>
      </c>
      <c r="F1381" s="45">
        <v>2.9</v>
      </c>
      <c r="G1381" s="45">
        <v>12.5</v>
      </c>
      <c r="H1381" s="46">
        <v>60.4</v>
      </c>
    </row>
    <row r="1382" spans="1:25" x14ac:dyDescent="0.2">
      <c r="B1382" s="72"/>
      <c r="C1382" s="38" t="s">
        <v>46</v>
      </c>
      <c r="D1382" s="44">
        <v>117</v>
      </c>
      <c r="E1382" s="45">
        <v>25.6</v>
      </c>
      <c r="F1382" s="45">
        <v>0.9</v>
      </c>
      <c r="G1382" s="45">
        <v>15.4</v>
      </c>
      <c r="H1382" s="46">
        <v>58.1</v>
      </c>
    </row>
    <row r="1383" spans="1:25" x14ac:dyDescent="0.2">
      <c r="B1383" s="72"/>
      <c r="C1383" s="38" t="s">
        <v>47</v>
      </c>
      <c r="D1383" s="44">
        <v>461</v>
      </c>
      <c r="E1383" s="45">
        <v>23</v>
      </c>
      <c r="F1383" s="45">
        <v>1.7</v>
      </c>
      <c r="G1383" s="45">
        <v>15.2</v>
      </c>
      <c r="H1383" s="46">
        <v>60.1</v>
      </c>
    </row>
    <row r="1384" spans="1:25" ht="21.6" x14ac:dyDescent="0.2">
      <c r="B1384" s="72"/>
      <c r="C1384" s="39" t="s">
        <v>48</v>
      </c>
      <c r="D1384" s="47">
        <v>2307</v>
      </c>
      <c r="E1384" s="48">
        <v>27.2</v>
      </c>
      <c r="F1384" s="48">
        <v>1.9</v>
      </c>
      <c r="G1384" s="48">
        <v>13.7</v>
      </c>
      <c r="H1384" s="49">
        <v>57.3</v>
      </c>
    </row>
    <row r="1385" spans="1:25" x14ac:dyDescent="0.2">
      <c r="B1385" s="7" t="s">
        <v>49</v>
      </c>
      <c r="C1385" s="4" t="s">
        <v>172</v>
      </c>
    </row>
    <row r="1386" spans="1:25" x14ac:dyDescent="0.2">
      <c r="B1386" s="4"/>
      <c r="C1386" s="4" t="s">
        <v>51</v>
      </c>
    </row>
    <row r="1388" spans="1:25" x14ac:dyDescent="0.2">
      <c r="A1388" s="26" t="s">
        <v>25</v>
      </c>
      <c r="B1388" t="s">
        <v>35</v>
      </c>
      <c r="C1388" t="s">
        <v>35</v>
      </c>
    </row>
    <row r="1389" spans="1:25" x14ac:dyDescent="0.2">
      <c r="B1389" s="70" t="s">
        <v>173</v>
      </c>
      <c r="C1389" s="71"/>
      <c r="D1389" s="71"/>
      <c r="E1389" s="71"/>
      <c r="F1389" s="71"/>
      <c r="G1389" s="71"/>
      <c r="H1389" s="71"/>
      <c r="I1389" s="71"/>
      <c r="J1389" s="71"/>
      <c r="K1389" s="71"/>
      <c r="L1389" s="71"/>
      <c r="M1389" s="71"/>
      <c r="N1389" s="71"/>
      <c r="O1389" s="71"/>
      <c r="P1389" s="71"/>
      <c r="Q1389" s="71"/>
      <c r="R1389" s="71"/>
      <c r="S1389" s="71"/>
      <c r="T1389" s="71"/>
      <c r="U1389" s="71"/>
      <c r="V1389" s="71"/>
      <c r="W1389" s="71"/>
      <c r="X1389" s="71"/>
      <c r="Y1389" s="71"/>
    </row>
    <row r="1390" spans="1:25" s="32" customFormat="1" ht="36.450000000000003" customHeight="1" x14ac:dyDescent="0.15">
      <c r="A1390" s="31"/>
      <c r="D1390" s="33" t="s">
        <v>341</v>
      </c>
      <c r="E1390" s="36" t="s">
        <v>550</v>
      </c>
      <c r="F1390" s="37" t="s">
        <v>551</v>
      </c>
      <c r="G1390" s="35" t="s">
        <v>344</v>
      </c>
    </row>
    <row r="1391" spans="1:25" x14ac:dyDescent="0.2">
      <c r="B1391" s="5"/>
      <c r="C1391" s="40" t="s">
        <v>38</v>
      </c>
      <c r="D1391" s="41">
        <v>4307</v>
      </c>
      <c r="E1391" s="42">
        <v>29.7</v>
      </c>
      <c r="F1391" s="43">
        <v>70.3</v>
      </c>
    </row>
    <row r="1392" spans="1:25" x14ac:dyDescent="0.2">
      <c r="B1392" s="72" t="s">
        <v>37</v>
      </c>
      <c r="C1392" s="38" t="s">
        <v>39</v>
      </c>
      <c r="D1392" s="44">
        <v>1325</v>
      </c>
      <c r="E1392" s="45">
        <v>29.7</v>
      </c>
      <c r="F1392" s="46">
        <v>70.3</v>
      </c>
    </row>
    <row r="1393" spans="1:25" x14ac:dyDescent="0.2">
      <c r="B1393" s="72"/>
      <c r="C1393" s="38" t="s">
        <v>40</v>
      </c>
      <c r="D1393" s="44">
        <v>675</v>
      </c>
      <c r="E1393" s="45">
        <v>32</v>
      </c>
      <c r="F1393" s="46">
        <v>68</v>
      </c>
    </row>
    <row r="1394" spans="1:25" x14ac:dyDescent="0.2">
      <c r="B1394" s="72"/>
      <c r="C1394" s="38" t="s">
        <v>41</v>
      </c>
      <c r="D1394" s="44">
        <v>168</v>
      </c>
      <c r="E1394" s="45">
        <v>20.2</v>
      </c>
      <c r="F1394" s="46">
        <v>79.8</v>
      </c>
    </row>
    <row r="1395" spans="1:25" x14ac:dyDescent="0.2">
      <c r="B1395" s="72"/>
      <c r="C1395" s="38" t="s">
        <v>42</v>
      </c>
      <c r="D1395" s="44">
        <v>290</v>
      </c>
      <c r="E1395" s="45">
        <v>28.6</v>
      </c>
      <c r="F1395" s="46">
        <v>71.400000000000006</v>
      </c>
    </row>
    <row r="1396" spans="1:25" x14ac:dyDescent="0.2">
      <c r="B1396" s="72"/>
      <c r="C1396" s="38" t="s">
        <v>43</v>
      </c>
      <c r="D1396" s="44">
        <v>231</v>
      </c>
      <c r="E1396" s="45">
        <v>29</v>
      </c>
      <c r="F1396" s="46">
        <v>71</v>
      </c>
    </row>
    <row r="1397" spans="1:25" x14ac:dyDescent="0.2">
      <c r="B1397" s="72"/>
      <c r="C1397" s="38" t="s">
        <v>44</v>
      </c>
      <c r="D1397" s="44">
        <v>800</v>
      </c>
      <c r="E1397" s="45">
        <v>34.6</v>
      </c>
      <c r="F1397" s="46">
        <v>65.400000000000006</v>
      </c>
    </row>
    <row r="1398" spans="1:25" x14ac:dyDescent="0.2">
      <c r="B1398" s="72"/>
      <c r="C1398" s="38" t="s">
        <v>45</v>
      </c>
      <c r="D1398" s="44">
        <v>240</v>
      </c>
      <c r="E1398" s="45">
        <v>27.1</v>
      </c>
      <c r="F1398" s="46">
        <v>72.900000000000006</v>
      </c>
    </row>
    <row r="1399" spans="1:25" x14ac:dyDescent="0.2">
      <c r="B1399" s="72"/>
      <c r="C1399" s="38" t="s">
        <v>46</v>
      </c>
      <c r="D1399" s="44">
        <v>117</v>
      </c>
      <c r="E1399" s="45">
        <v>26.5</v>
      </c>
      <c r="F1399" s="46">
        <v>73.5</v>
      </c>
    </row>
    <row r="1400" spans="1:25" x14ac:dyDescent="0.2">
      <c r="B1400" s="72"/>
      <c r="C1400" s="38" t="s">
        <v>47</v>
      </c>
      <c r="D1400" s="44">
        <v>461</v>
      </c>
      <c r="E1400" s="45">
        <v>24.7</v>
      </c>
      <c r="F1400" s="46">
        <v>75.3</v>
      </c>
    </row>
    <row r="1401" spans="1:25" ht="21.6" x14ac:dyDescent="0.2">
      <c r="B1401" s="72"/>
      <c r="C1401" s="39" t="s">
        <v>48</v>
      </c>
      <c r="D1401" s="47">
        <v>2307</v>
      </c>
      <c r="E1401" s="48">
        <v>29.1</v>
      </c>
      <c r="F1401" s="49">
        <v>70.900000000000006</v>
      </c>
    </row>
    <row r="1403" spans="1:25" x14ac:dyDescent="0.2">
      <c r="A1403" s="26" t="s">
        <v>25</v>
      </c>
      <c r="B1403" t="s">
        <v>35</v>
      </c>
      <c r="C1403" t="s">
        <v>35</v>
      </c>
    </row>
    <row r="1404" spans="1:25" x14ac:dyDescent="0.2">
      <c r="B1404" s="70" t="s">
        <v>174</v>
      </c>
      <c r="C1404" s="71"/>
      <c r="D1404" s="71"/>
      <c r="E1404" s="71"/>
      <c r="F1404" s="71"/>
      <c r="G1404" s="71"/>
      <c r="H1404" s="71"/>
      <c r="I1404" s="71"/>
      <c r="J1404" s="71"/>
      <c r="K1404" s="71"/>
      <c r="L1404" s="71"/>
      <c r="M1404" s="71"/>
      <c r="N1404" s="71"/>
      <c r="O1404" s="71"/>
      <c r="P1404" s="71"/>
      <c r="Q1404" s="71"/>
      <c r="R1404" s="71"/>
      <c r="S1404" s="71"/>
      <c r="T1404" s="71"/>
      <c r="U1404" s="71"/>
      <c r="V1404" s="71"/>
      <c r="W1404" s="71"/>
      <c r="X1404" s="71"/>
      <c r="Y1404" s="71"/>
    </row>
    <row r="1405" spans="1:25" s="32" customFormat="1" ht="68.849999999999994" customHeight="1" x14ac:dyDescent="0.15">
      <c r="A1405" s="31"/>
      <c r="D1405" s="33" t="s">
        <v>341</v>
      </c>
      <c r="E1405" s="36" t="s">
        <v>552</v>
      </c>
      <c r="F1405" s="51" t="s">
        <v>553</v>
      </c>
      <c r="G1405" s="51" t="s">
        <v>554</v>
      </c>
      <c r="H1405" s="37" t="s">
        <v>443</v>
      </c>
      <c r="I1405" s="35" t="s">
        <v>344</v>
      </c>
    </row>
    <row r="1406" spans="1:25" x14ac:dyDescent="0.2">
      <c r="B1406" s="5"/>
      <c r="C1406" s="40" t="s">
        <v>38</v>
      </c>
      <c r="D1406" s="41">
        <v>3027</v>
      </c>
      <c r="E1406" s="42">
        <v>5.7</v>
      </c>
      <c r="F1406" s="42">
        <v>20</v>
      </c>
      <c r="G1406" s="42">
        <v>26.3</v>
      </c>
      <c r="H1406" s="43">
        <v>48</v>
      </c>
    </row>
    <row r="1407" spans="1:25" x14ac:dyDescent="0.2">
      <c r="B1407" s="72" t="s">
        <v>37</v>
      </c>
      <c r="C1407" s="38" t="s">
        <v>39</v>
      </c>
      <c r="D1407" s="44">
        <v>932</v>
      </c>
      <c r="E1407" s="45">
        <v>6.7</v>
      </c>
      <c r="F1407" s="45">
        <v>18.8</v>
      </c>
      <c r="G1407" s="45">
        <v>27.4</v>
      </c>
      <c r="H1407" s="46">
        <v>47.2</v>
      </c>
    </row>
    <row r="1408" spans="1:25" x14ac:dyDescent="0.2">
      <c r="B1408" s="72"/>
      <c r="C1408" s="38" t="s">
        <v>40</v>
      </c>
      <c r="D1408" s="44">
        <v>459</v>
      </c>
      <c r="E1408" s="45">
        <v>5.4</v>
      </c>
      <c r="F1408" s="45">
        <v>22.9</v>
      </c>
      <c r="G1408" s="45">
        <v>24</v>
      </c>
      <c r="H1408" s="46">
        <v>47.7</v>
      </c>
    </row>
    <row r="1409" spans="1:25" x14ac:dyDescent="0.2">
      <c r="B1409" s="72"/>
      <c r="C1409" s="38" t="s">
        <v>41</v>
      </c>
      <c r="D1409" s="44">
        <v>134</v>
      </c>
      <c r="E1409" s="45">
        <v>3</v>
      </c>
      <c r="F1409" s="45">
        <v>19.399999999999999</v>
      </c>
      <c r="G1409" s="45">
        <v>29.9</v>
      </c>
      <c r="H1409" s="46">
        <v>47.8</v>
      </c>
    </row>
    <row r="1410" spans="1:25" x14ac:dyDescent="0.2">
      <c r="B1410" s="72"/>
      <c r="C1410" s="38" t="s">
        <v>42</v>
      </c>
      <c r="D1410" s="44">
        <v>207</v>
      </c>
      <c r="E1410" s="45">
        <v>6.3</v>
      </c>
      <c r="F1410" s="45">
        <v>17.899999999999999</v>
      </c>
      <c r="G1410" s="45">
        <v>23.2</v>
      </c>
      <c r="H1410" s="46">
        <v>52.7</v>
      </c>
    </row>
    <row r="1411" spans="1:25" x14ac:dyDescent="0.2">
      <c r="B1411" s="72"/>
      <c r="C1411" s="38" t="s">
        <v>43</v>
      </c>
      <c r="D1411" s="44">
        <v>164</v>
      </c>
      <c r="E1411" s="45">
        <v>5.5</v>
      </c>
      <c r="F1411" s="45">
        <v>20.100000000000001</v>
      </c>
      <c r="G1411" s="45">
        <v>24.4</v>
      </c>
      <c r="H1411" s="46">
        <v>50</v>
      </c>
    </row>
    <row r="1412" spans="1:25" x14ac:dyDescent="0.2">
      <c r="B1412" s="72"/>
      <c r="C1412" s="38" t="s">
        <v>44</v>
      </c>
      <c r="D1412" s="44">
        <v>523</v>
      </c>
      <c r="E1412" s="45">
        <v>4.8</v>
      </c>
      <c r="F1412" s="45">
        <v>22.9</v>
      </c>
      <c r="G1412" s="45">
        <v>25.2</v>
      </c>
      <c r="H1412" s="46">
        <v>47</v>
      </c>
    </row>
    <row r="1413" spans="1:25" x14ac:dyDescent="0.2">
      <c r="B1413" s="72"/>
      <c r="C1413" s="38" t="s">
        <v>45</v>
      </c>
      <c r="D1413" s="44">
        <v>175</v>
      </c>
      <c r="E1413" s="45">
        <v>4</v>
      </c>
      <c r="F1413" s="45">
        <v>20</v>
      </c>
      <c r="G1413" s="45">
        <v>32.6</v>
      </c>
      <c r="H1413" s="46">
        <v>43.4</v>
      </c>
    </row>
    <row r="1414" spans="1:25" x14ac:dyDescent="0.2">
      <c r="B1414" s="72"/>
      <c r="C1414" s="38" t="s">
        <v>46</v>
      </c>
      <c r="D1414" s="44">
        <v>86</v>
      </c>
      <c r="E1414" s="45">
        <v>4.7</v>
      </c>
      <c r="F1414" s="45">
        <v>18.600000000000001</v>
      </c>
      <c r="G1414" s="45">
        <v>26.7</v>
      </c>
      <c r="H1414" s="46">
        <v>50</v>
      </c>
    </row>
    <row r="1415" spans="1:25" x14ac:dyDescent="0.2">
      <c r="B1415" s="72"/>
      <c r="C1415" s="38" t="s">
        <v>47</v>
      </c>
      <c r="D1415" s="44">
        <v>347</v>
      </c>
      <c r="E1415" s="45">
        <v>6.6</v>
      </c>
      <c r="F1415" s="45">
        <v>17</v>
      </c>
      <c r="G1415" s="45">
        <v>26.5</v>
      </c>
      <c r="H1415" s="46">
        <v>49.9</v>
      </c>
    </row>
    <row r="1416" spans="1:25" ht="21.6" x14ac:dyDescent="0.2">
      <c r="B1416" s="72"/>
      <c r="C1416" s="39" t="s">
        <v>48</v>
      </c>
      <c r="D1416" s="47">
        <v>1636</v>
      </c>
      <c r="E1416" s="48">
        <v>5.2</v>
      </c>
      <c r="F1416" s="48">
        <v>19.899999999999999</v>
      </c>
      <c r="G1416" s="48">
        <v>26.4</v>
      </c>
      <c r="H1416" s="49">
        <v>48.5</v>
      </c>
    </row>
    <row r="1417" spans="1:25" x14ac:dyDescent="0.2">
      <c r="B1417" s="7" t="s">
        <v>49</v>
      </c>
      <c r="C1417" s="4" t="s">
        <v>175</v>
      </c>
    </row>
    <row r="1418" spans="1:25" x14ac:dyDescent="0.2">
      <c r="B1418" s="4"/>
      <c r="C1418" s="4" t="s">
        <v>51</v>
      </c>
    </row>
    <row r="1420" spans="1:25" x14ac:dyDescent="0.2">
      <c r="A1420" s="26" t="s">
        <v>25</v>
      </c>
      <c r="B1420" t="s">
        <v>35</v>
      </c>
      <c r="C1420" t="s">
        <v>35</v>
      </c>
    </row>
    <row r="1421" spans="1:25" x14ac:dyDescent="0.2">
      <c r="B1421" s="70" t="s">
        <v>176</v>
      </c>
      <c r="C1421" s="71"/>
      <c r="D1421" s="71"/>
      <c r="E1421" s="71"/>
      <c r="F1421" s="71"/>
      <c r="G1421" s="71"/>
      <c r="H1421" s="71"/>
      <c r="I1421" s="71"/>
      <c r="J1421" s="71"/>
      <c r="K1421" s="71"/>
      <c r="L1421" s="71"/>
      <c r="M1421" s="71"/>
      <c r="N1421" s="71"/>
      <c r="O1421" s="71"/>
      <c r="P1421" s="71"/>
      <c r="Q1421" s="71"/>
      <c r="R1421" s="71"/>
      <c r="S1421" s="71"/>
      <c r="T1421" s="71"/>
      <c r="U1421" s="71"/>
      <c r="V1421" s="71"/>
      <c r="W1421" s="71"/>
      <c r="X1421" s="71"/>
      <c r="Y1421" s="71"/>
    </row>
    <row r="1422" spans="1:25" s="32" customFormat="1" ht="79.650000000000006" customHeight="1" x14ac:dyDescent="0.15">
      <c r="A1422" s="31"/>
      <c r="D1422" s="33" t="s">
        <v>341</v>
      </c>
      <c r="E1422" s="36" t="s">
        <v>555</v>
      </c>
      <c r="F1422" s="51" t="s">
        <v>556</v>
      </c>
      <c r="G1422" s="51" t="s">
        <v>557</v>
      </c>
      <c r="H1422" s="51" t="s">
        <v>558</v>
      </c>
      <c r="I1422" s="37" t="s">
        <v>443</v>
      </c>
      <c r="J1422" s="35" t="s">
        <v>344</v>
      </c>
    </row>
    <row r="1423" spans="1:25" x14ac:dyDescent="0.2">
      <c r="B1423" s="5"/>
      <c r="C1423" s="40" t="s">
        <v>38</v>
      </c>
      <c r="D1423" s="41">
        <v>4307</v>
      </c>
      <c r="E1423" s="42">
        <v>17.7</v>
      </c>
      <c r="F1423" s="42">
        <v>35.299999999999997</v>
      </c>
      <c r="G1423" s="42">
        <v>16.7</v>
      </c>
      <c r="H1423" s="42">
        <v>4.8</v>
      </c>
      <c r="I1423" s="43">
        <v>25.5</v>
      </c>
    </row>
    <row r="1424" spans="1:25" x14ac:dyDescent="0.2">
      <c r="B1424" s="72" t="s">
        <v>37</v>
      </c>
      <c r="C1424" s="38" t="s">
        <v>39</v>
      </c>
      <c r="D1424" s="44">
        <v>1325</v>
      </c>
      <c r="E1424" s="45">
        <v>17.399999999999999</v>
      </c>
      <c r="F1424" s="45">
        <v>34.799999999999997</v>
      </c>
      <c r="G1424" s="45">
        <v>16.5</v>
      </c>
      <c r="H1424" s="45">
        <v>4.8</v>
      </c>
      <c r="I1424" s="46">
        <v>26.6</v>
      </c>
    </row>
    <row r="1425" spans="1:25" x14ac:dyDescent="0.2">
      <c r="B1425" s="72"/>
      <c r="C1425" s="38" t="s">
        <v>40</v>
      </c>
      <c r="D1425" s="44">
        <v>675</v>
      </c>
      <c r="E1425" s="45">
        <v>17.600000000000001</v>
      </c>
      <c r="F1425" s="45">
        <v>37.299999999999997</v>
      </c>
      <c r="G1425" s="45">
        <v>17.8</v>
      </c>
      <c r="H1425" s="45">
        <v>4.0999999999999996</v>
      </c>
      <c r="I1425" s="46">
        <v>23.1</v>
      </c>
    </row>
    <row r="1426" spans="1:25" x14ac:dyDescent="0.2">
      <c r="B1426" s="72"/>
      <c r="C1426" s="38" t="s">
        <v>41</v>
      </c>
      <c r="D1426" s="44">
        <v>168</v>
      </c>
      <c r="E1426" s="45">
        <v>15.5</v>
      </c>
      <c r="F1426" s="45">
        <v>30.4</v>
      </c>
      <c r="G1426" s="45">
        <v>13.7</v>
      </c>
      <c r="H1426" s="45">
        <v>3</v>
      </c>
      <c r="I1426" s="46">
        <v>37.5</v>
      </c>
    </row>
    <row r="1427" spans="1:25" x14ac:dyDescent="0.2">
      <c r="B1427" s="72"/>
      <c r="C1427" s="38" t="s">
        <v>42</v>
      </c>
      <c r="D1427" s="44">
        <v>290</v>
      </c>
      <c r="E1427" s="45">
        <v>16.899999999999999</v>
      </c>
      <c r="F1427" s="45">
        <v>38.299999999999997</v>
      </c>
      <c r="G1427" s="45">
        <v>17.899999999999999</v>
      </c>
      <c r="H1427" s="45">
        <v>3.1</v>
      </c>
      <c r="I1427" s="46">
        <v>23.8</v>
      </c>
    </row>
    <row r="1428" spans="1:25" x14ac:dyDescent="0.2">
      <c r="B1428" s="72"/>
      <c r="C1428" s="38" t="s">
        <v>43</v>
      </c>
      <c r="D1428" s="44">
        <v>231</v>
      </c>
      <c r="E1428" s="45">
        <v>18.2</v>
      </c>
      <c r="F1428" s="45">
        <v>33.799999999999997</v>
      </c>
      <c r="G1428" s="45">
        <v>19</v>
      </c>
      <c r="H1428" s="45">
        <v>3.5</v>
      </c>
      <c r="I1428" s="46">
        <v>25.5</v>
      </c>
    </row>
    <row r="1429" spans="1:25" x14ac:dyDescent="0.2">
      <c r="B1429" s="72"/>
      <c r="C1429" s="38" t="s">
        <v>44</v>
      </c>
      <c r="D1429" s="44">
        <v>800</v>
      </c>
      <c r="E1429" s="45">
        <v>19.600000000000001</v>
      </c>
      <c r="F1429" s="45">
        <v>35.1</v>
      </c>
      <c r="G1429" s="45">
        <v>16.899999999999999</v>
      </c>
      <c r="H1429" s="45">
        <v>4.8</v>
      </c>
      <c r="I1429" s="46">
        <v>23.6</v>
      </c>
    </row>
    <row r="1430" spans="1:25" x14ac:dyDescent="0.2">
      <c r="B1430" s="72"/>
      <c r="C1430" s="38" t="s">
        <v>45</v>
      </c>
      <c r="D1430" s="44">
        <v>240</v>
      </c>
      <c r="E1430" s="45">
        <v>15</v>
      </c>
      <c r="F1430" s="45">
        <v>40.4</v>
      </c>
      <c r="G1430" s="45">
        <v>16.7</v>
      </c>
      <c r="H1430" s="45">
        <v>5.4</v>
      </c>
      <c r="I1430" s="46">
        <v>22.5</v>
      </c>
    </row>
    <row r="1431" spans="1:25" x14ac:dyDescent="0.2">
      <c r="B1431" s="72"/>
      <c r="C1431" s="38" t="s">
        <v>46</v>
      </c>
      <c r="D1431" s="44">
        <v>117</v>
      </c>
      <c r="E1431" s="45">
        <v>21.4</v>
      </c>
      <c r="F1431" s="45">
        <v>32.5</v>
      </c>
      <c r="G1431" s="45">
        <v>12</v>
      </c>
      <c r="H1431" s="45">
        <v>5.0999999999999996</v>
      </c>
      <c r="I1431" s="46">
        <v>29.1</v>
      </c>
    </row>
    <row r="1432" spans="1:25" x14ac:dyDescent="0.2">
      <c r="B1432" s="72"/>
      <c r="C1432" s="38" t="s">
        <v>47</v>
      </c>
      <c r="D1432" s="44">
        <v>461</v>
      </c>
      <c r="E1432" s="45">
        <v>17.399999999999999</v>
      </c>
      <c r="F1432" s="45">
        <v>32.5</v>
      </c>
      <c r="G1432" s="45">
        <v>16.3</v>
      </c>
      <c r="H1432" s="45">
        <v>7.6</v>
      </c>
      <c r="I1432" s="46">
        <v>26.2</v>
      </c>
    </row>
    <row r="1433" spans="1:25" ht="21.6" x14ac:dyDescent="0.2">
      <c r="B1433" s="72"/>
      <c r="C1433" s="39" t="s">
        <v>48</v>
      </c>
      <c r="D1433" s="47">
        <v>2307</v>
      </c>
      <c r="E1433" s="48">
        <v>18</v>
      </c>
      <c r="F1433" s="48">
        <v>34.9</v>
      </c>
      <c r="G1433" s="48">
        <v>16.600000000000001</v>
      </c>
      <c r="H1433" s="48">
        <v>4.9000000000000004</v>
      </c>
      <c r="I1433" s="49">
        <v>25.5</v>
      </c>
    </row>
    <row r="1434" spans="1:25" x14ac:dyDescent="0.2">
      <c r="B1434" s="7" t="s">
        <v>49</v>
      </c>
      <c r="C1434" s="4" t="s">
        <v>177</v>
      </c>
    </row>
    <row r="1435" spans="1:25" x14ac:dyDescent="0.2">
      <c r="B1435" s="4"/>
      <c r="C1435" s="4" t="s">
        <v>51</v>
      </c>
    </row>
    <row r="1437" spans="1:25" x14ac:dyDescent="0.2">
      <c r="A1437" s="26" t="s">
        <v>25</v>
      </c>
      <c r="B1437" t="s">
        <v>35</v>
      </c>
      <c r="C1437" t="s">
        <v>35</v>
      </c>
    </row>
    <row r="1438" spans="1:25" x14ac:dyDescent="0.2">
      <c r="B1438" s="70" t="s">
        <v>178</v>
      </c>
      <c r="C1438" s="71"/>
      <c r="D1438" s="71"/>
      <c r="E1438" s="71"/>
      <c r="F1438" s="71"/>
      <c r="G1438" s="71"/>
      <c r="H1438" s="71"/>
      <c r="I1438" s="71"/>
      <c r="J1438" s="71"/>
      <c r="K1438" s="71"/>
      <c r="L1438" s="71"/>
      <c r="M1438" s="71"/>
      <c r="N1438" s="71"/>
      <c r="O1438" s="71"/>
      <c r="P1438" s="71"/>
      <c r="Q1438" s="71"/>
      <c r="R1438" s="71"/>
      <c r="S1438" s="71"/>
      <c r="T1438" s="71"/>
      <c r="U1438" s="71"/>
      <c r="V1438" s="71"/>
      <c r="W1438" s="71"/>
      <c r="X1438" s="71"/>
      <c r="Y1438" s="71"/>
    </row>
    <row r="1439" spans="1:25" s="32" customFormat="1" ht="36.450000000000003" customHeight="1" x14ac:dyDescent="0.15">
      <c r="A1439" s="31"/>
      <c r="D1439" s="33" t="s">
        <v>341</v>
      </c>
      <c r="E1439" s="36" t="s">
        <v>559</v>
      </c>
      <c r="F1439" s="51" t="s">
        <v>560</v>
      </c>
      <c r="G1439" s="51" t="s">
        <v>561</v>
      </c>
      <c r="H1439" s="37" t="s">
        <v>443</v>
      </c>
      <c r="I1439" s="35" t="s">
        <v>344</v>
      </c>
    </row>
    <row r="1440" spans="1:25" x14ac:dyDescent="0.2">
      <c r="B1440" s="5"/>
      <c r="C1440" s="40" t="s">
        <v>38</v>
      </c>
      <c r="D1440" s="41">
        <v>4307</v>
      </c>
      <c r="E1440" s="42">
        <v>53</v>
      </c>
      <c r="F1440" s="42">
        <v>16.7</v>
      </c>
      <c r="G1440" s="42">
        <v>4.8</v>
      </c>
      <c r="H1440" s="43">
        <v>25.5</v>
      </c>
    </row>
    <row r="1441" spans="1:25" x14ac:dyDescent="0.2">
      <c r="B1441" s="72" t="s">
        <v>37</v>
      </c>
      <c r="C1441" s="38" t="s">
        <v>39</v>
      </c>
      <c r="D1441" s="44">
        <v>1325</v>
      </c>
      <c r="E1441" s="45">
        <v>52.2</v>
      </c>
      <c r="F1441" s="45">
        <v>16.5</v>
      </c>
      <c r="G1441" s="45">
        <v>4.8</v>
      </c>
      <c r="H1441" s="46">
        <v>26.6</v>
      </c>
    </row>
    <row r="1442" spans="1:25" x14ac:dyDescent="0.2">
      <c r="B1442" s="72"/>
      <c r="C1442" s="38" t="s">
        <v>40</v>
      </c>
      <c r="D1442" s="44">
        <v>675</v>
      </c>
      <c r="E1442" s="45">
        <v>55</v>
      </c>
      <c r="F1442" s="45">
        <v>17.8</v>
      </c>
      <c r="G1442" s="45">
        <v>4.0999999999999996</v>
      </c>
      <c r="H1442" s="46">
        <v>23.1</v>
      </c>
    </row>
    <row r="1443" spans="1:25" x14ac:dyDescent="0.2">
      <c r="B1443" s="72"/>
      <c r="C1443" s="38" t="s">
        <v>41</v>
      </c>
      <c r="D1443" s="44">
        <v>168</v>
      </c>
      <c r="E1443" s="45">
        <v>45.8</v>
      </c>
      <c r="F1443" s="45">
        <v>13.7</v>
      </c>
      <c r="G1443" s="45">
        <v>3</v>
      </c>
      <c r="H1443" s="46">
        <v>37.5</v>
      </c>
    </row>
    <row r="1444" spans="1:25" x14ac:dyDescent="0.2">
      <c r="B1444" s="72"/>
      <c r="C1444" s="38" t="s">
        <v>42</v>
      </c>
      <c r="D1444" s="44">
        <v>290</v>
      </c>
      <c r="E1444" s="45">
        <v>55.2</v>
      </c>
      <c r="F1444" s="45">
        <v>17.899999999999999</v>
      </c>
      <c r="G1444" s="45">
        <v>3.1</v>
      </c>
      <c r="H1444" s="46">
        <v>23.8</v>
      </c>
    </row>
    <row r="1445" spans="1:25" x14ac:dyDescent="0.2">
      <c r="B1445" s="72"/>
      <c r="C1445" s="38" t="s">
        <v>43</v>
      </c>
      <c r="D1445" s="44">
        <v>231</v>
      </c>
      <c r="E1445" s="45">
        <v>51.9</v>
      </c>
      <c r="F1445" s="45">
        <v>19</v>
      </c>
      <c r="G1445" s="45">
        <v>3.5</v>
      </c>
      <c r="H1445" s="46">
        <v>25.5</v>
      </c>
    </row>
    <row r="1446" spans="1:25" x14ac:dyDescent="0.2">
      <c r="B1446" s="72"/>
      <c r="C1446" s="38" t="s">
        <v>44</v>
      </c>
      <c r="D1446" s="44">
        <v>800</v>
      </c>
      <c r="E1446" s="45">
        <v>54.8</v>
      </c>
      <c r="F1446" s="45">
        <v>16.899999999999999</v>
      </c>
      <c r="G1446" s="45">
        <v>4.8</v>
      </c>
      <c r="H1446" s="46">
        <v>23.6</v>
      </c>
    </row>
    <row r="1447" spans="1:25" x14ac:dyDescent="0.2">
      <c r="B1447" s="72"/>
      <c r="C1447" s="38" t="s">
        <v>45</v>
      </c>
      <c r="D1447" s="44">
        <v>240</v>
      </c>
      <c r="E1447" s="45">
        <v>55.4</v>
      </c>
      <c r="F1447" s="45">
        <v>16.7</v>
      </c>
      <c r="G1447" s="45">
        <v>5.4</v>
      </c>
      <c r="H1447" s="46">
        <v>22.5</v>
      </c>
    </row>
    <row r="1448" spans="1:25" x14ac:dyDescent="0.2">
      <c r="B1448" s="72"/>
      <c r="C1448" s="38" t="s">
        <v>46</v>
      </c>
      <c r="D1448" s="44">
        <v>117</v>
      </c>
      <c r="E1448" s="45">
        <v>53.8</v>
      </c>
      <c r="F1448" s="45">
        <v>12</v>
      </c>
      <c r="G1448" s="45">
        <v>5.0999999999999996</v>
      </c>
      <c r="H1448" s="46">
        <v>29.1</v>
      </c>
    </row>
    <row r="1449" spans="1:25" x14ac:dyDescent="0.2">
      <c r="B1449" s="72"/>
      <c r="C1449" s="38" t="s">
        <v>47</v>
      </c>
      <c r="D1449" s="44">
        <v>461</v>
      </c>
      <c r="E1449" s="45">
        <v>49.9</v>
      </c>
      <c r="F1449" s="45">
        <v>16.3</v>
      </c>
      <c r="G1449" s="45">
        <v>7.6</v>
      </c>
      <c r="H1449" s="46">
        <v>26.2</v>
      </c>
    </row>
    <row r="1450" spans="1:25" ht="21.6" x14ac:dyDescent="0.2">
      <c r="B1450" s="72"/>
      <c r="C1450" s="39" t="s">
        <v>48</v>
      </c>
      <c r="D1450" s="47">
        <v>2307</v>
      </c>
      <c r="E1450" s="48">
        <v>52.9</v>
      </c>
      <c r="F1450" s="48">
        <v>16.600000000000001</v>
      </c>
      <c r="G1450" s="48">
        <v>4.9000000000000004</v>
      </c>
      <c r="H1450" s="49">
        <v>25.5</v>
      </c>
    </row>
    <row r="1452" spans="1:25" x14ac:dyDescent="0.2">
      <c r="A1452" s="26" t="s">
        <v>25</v>
      </c>
      <c r="B1452" t="s">
        <v>35</v>
      </c>
      <c r="C1452" t="s">
        <v>35</v>
      </c>
    </row>
    <row r="1453" spans="1:25" x14ac:dyDescent="0.2">
      <c r="B1453" s="70" t="s">
        <v>179</v>
      </c>
      <c r="C1453" s="71"/>
      <c r="D1453" s="71"/>
      <c r="E1453" s="71"/>
      <c r="F1453" s="71"/>
      <c r="G1453" s="71"/>
      <c r="H1453" s="71"/>
      <c r="I1453" s="71"/>
      <c r="J1453" s="71"/>
      <c r="K1453" s="71"/>
      <c r="L1453" s="71"/>
      <c r="M1453" s="71"/>
      <c r="N1453" s="71"/>
      <c r="O1453" s="71"/>
      <c r="P1453" s="71"/>
      <c r="Q1453" s="71"/>
      <c r="R1453" s="71"/>
      <c r="S1453" s="71"/>
      <c r="T1453" s="71"/>
      <c r="U1453" s="71"/>
      <c r="V1453" s="71"/>
      <c r="W1453" s="71"/>
      <c r="X1453" s="71"/>
      <c r="Y1453" s="71"/>
    </row>
    <row r="1454" spans="1:25" s="32" customFormat="1" ht="90.45" customHeight="1" x14ac:dyDescent="0.15">
      <c r="A1454" s="31"/>
      <c r="D1454" s="33" t="s">
        <v>341</v>
      </c>
      <c r="E1454" s="36" t="s">
        <v>562</v>
      </c>
      <c r="F1454" s="51" t="s">
        <v>563</v>
      </c>
      <c r="G1454" s="51" t="s">
        <v>564</v>
      </c>
      <c r="H1454" s="37" t="s">
        <v>565</v>
      </c>
      <c r="I1454" s="35" t="s">
        <v>344</v>
      </c>
    </row>
    <row r="1455" spans="1:25" x14ac:dyDescent="0.2">
      <c r="B1455" s="5"/>
      <c r="C1455" s="40" t="s">
        <v>38</v>
      </c>
      <c r="D1455" s="41">
        <v>4307</v>
      </c>
      <c r="E1455" s="42">
        <v>29.6</v>
      </c>
      <c r="F1455" s="42">
        <v>60.5</v>
      </c>
      <c r="G1455" s="42">
        <v>7.1</v>
      </c>
      <c r="H1455" s="43">
        <v>2.9</v>
      </c>
    </row>
    <row r="1456" spans="1:25" x14ac:dyDescent="0.2">
      <c r="B1456" s="72" t="s">
        <v>37</v>
      </c>
      <c r="C1456" s="38" t="s">
        <v>39</v>
      </c>
      <c r="D1456" s="44">
        <v>1325</v>
      </c>
      <c r="E1456" s="45">
        <v>32.6</v>
      </c>
      <c r="F1456" s="45">
        <v>59</v>
      </c>
      <c r="G1456" s="45">
        <v>5.6</v>
      </c>
      <c r="H1456" s="46">
        <v>2.8</v>
      </c>
    </row>
    <row r="1457" spans="1:25" x14ac:dyDescent="0.2">
      <c r="B1457" s="72"/>
      <c r="C1457" s="38" t="s">
        <v>40</v>
      </c>
      <c r="D1457" s="44">
        <v>675</v>
      </c>
      <c r="E1457" s="45">
        <v>30.2</v>
      </c>
      <c r="F1457" s="45">
        <v>58.1</v>
      </c>
      <c r="G1457" s="45">
        <v>8.6</v>
      </c>
      <c r="H1457" s="46">
        <v>3.1</v>
      </c>
    </row>
    <row r="1458" spans="1:25" x14ac:dyDescent="0.2">
      <c r="B1458" s="72"/>
      <c r="C1458" s="38" t="s">
        <v>41</v>
      </c>
      <c r="D1458" s="44">
        <v>168</v>
      </c>
      <c r="E1458" s="45">
        <v>32.1</v>
      </c>
      <c r="F1458" s="45">
        <v>54.8</v>
      </c>
      <c r="G1458" s="45">
        <v>9.5</v>
      </c>
      <c r="H1458" s="46">
        <v>3.6</v>
      </c>
    </row>
    <row r="1459" spans="1:25" x14ac:dyDescent="0.2">
      <c r="B1459" s="72"/>
      <c r="C1459" s="38" t="s">
        <v>42</v>
      </c>
      <c r="D1459" s="44">
        <v>290</v>
      </c>
      <c r="E1459" s="45">
        <v>25.5</v>
      </c>
      <c r="F1459" s="45">
        <v>64.5</v>
      </c>
      <c r="G1459" s="45">
        <v>7.2</v>
      </c>
      <c r="H1459" s="46">
        <v>2.8</v>
      </c>
    </row>
    <row r="1460" spans="1:25" x14ac:dyDescent="0.2">
      <c r="B1460" s="72"/>
      <c r="C1460" s="38" t="s">
        <v>43</v>
      </c>
      <c r="D1460" s="44">
        <v>231</v>
      </c>
      <c r="E1460" s="45">
        <v>32</v>
      </c>
      <c r="F1460" s="45">
        <v>56.3</v>
      </c>
      <c r="G1460" s="45">
        <v>9.1</v>
      </c>
      <c r="H1460" s="46">
        <v>2.6</v>
      </c>
    </row>
    <row r="1461" spans="1:25" x14ac:dyDescent="0.2">
      <c r="B1461" s="72"/>
      <c r="C1461" s="38" t="s">
        <v>44</v>
      </c>
      <c r="D1461" s="44">
        <v>800</v>
      </c>
      <c r="E1461" s="45">
        <v>27.9</v>
      </c>
      <c r="F1461" s="45">
        <v>61.4</v>
      </c>
      <c r="G1461" s="45">
        <v>7.5</v>
      </c>
      <c r="H1461" s="46">
        <v>3.3</v>
      </c>
    </row>
    <row r="1462" spans="1:25" x14ac:dyDescent="0.2">
      <c r="B1462" s="72"/>
      <c r="C1462" s="38" t="s">
        <v>45</v>
      </c>
      <c r="D1462" s="44">
        <v>240</v>
      </c>
      <c r="E1462" s="45">
        <v>25</v>
      </c>
      <c r="F1462" s="45">
        <v>65.8</v>
      </c>
      <c r="G1462" s="45">
        <v>7.9</v>
      </c>
      <c r="H1462" s="46">
        <v>1.3</v>
      </c>
    </row>
    <row r="1463" spans="1:25" x14ac:dyDescent="0.2">
      <c r="B1463" s="72"/>
      <c r="C1463" s="38" t="s">
        <v>46</v>
      </c>
      <c r="D1463" s="44">
        <v>117</v>
      </c>
      <c r="E1463" s="45">
        <v>24.8</v>
      </c>
      <c r="F1463" s="45">
        <v>70.099999999999994</v>
      </c>
      <c r="G1463" s="45">
        <v>2.6</v>
      </c>
      <c r="H1463" s="46">
        <v>2.6</v>
      </c>
    </row>
    <row r="1464" spans="1:25" x14ac:dyDescent="0.2">
      <c r="B1464" s="72"/>
      <c r="C1464" s="38" t="s">
        <v>47</v>
      </c>
      <c r="D1464" s="44">
        <v>461</v>
      </c>
      <c r="E1464" s="45">
        <v>26.9</v>
      </c>
      <c r="F1464" s="45">
        <v>62.9</v>
      </c>
      <c r="G1464" s="45">
        <v>7.4</v>
      </c>
      <c r="H1464" s="46">
        <v>2.8</v>
      </c>
    </row>
    <row r="1465" spans="1:25" ht="21.6" x14ac:dyDescent="0.2">
      <c r="B1465" s="72"/>
      <c r="C1465" s="39" t="s">
        <v>48</v>
      </c>
      <c r="D1465" s="47">
        <v>2307</v>
      </c>
      <c r="E1465" s="48">
        <v>27.7</v>
      </c>
      <c r="F1465" s="48">
        <v>62</v>
      </c>
      <c r="G1465" s="48">
        <v>7.5</v>
      </c>
      <c r="H1465" s="49">
        <v>2.8</v>
      </c>
    </row>
    <row r="1466" spans="1:25" x14ac:dyDescent="0.2">
      <c r="B1466" s="7" t="s">
        <v>49</v>
      </c>
      <c r="C1466" s="4" t="s">
        <v>180</v>
      </c>
    </row>
    <row r="1467" spans="1:25" x14ac:dyDescent="0.2">
      <c r="B1467" s="4"/>
      <c r="C1467" s="4" t="s">
        <v>51</v>
      </c>
    </row>
    <row r="1469" spans="1:25" x14ac:dyDescent="0.2">
      <c r="A1469" s="26" t="s">
        <v>25</v>
      </c>
      <c r="B1469" t="s">
        <v>35</v>
      </c>
      <c r="C1469" t="s">
        <v>35</v>
      </c>
    </row>
    <row r="1470" spans="1:25" x14ac:dyDescent="0.2">
      <c r="B1470" s="70" t="s">
        <v>181</v>
      </c>
      <c r="C1470" s="71"/>
      <c r="D1470" s="71"/>
      <c r="E1470" s="71"/>
      <c r="F1470" s="71"/>
      <c r="G1470" s="71"/>
      <c r="H1470" s="71"/>
      <c r="I1470" s="71"/>
      <c r="J1470" s="71"/>
      <c r="K1470" s="71"/>
      <c r="L1470" s="71"/>
      <c r="M1470" s="71"/>
      <c r="N1470" s="71"/>
      <c r="O1470" s="71"/>
      <c r="P1470" s="71"/>
      <c r="Q1470" s="71"/>
      <c r="R1470" s="71"/>
      <c r="S1470" s="71"/>
      <c r="T1470" s="71"/>
      <c r="U1470" s="71"/>
      <c r="V1470" s="71"/>
      <c r="W1470" s="71"/>
      <c r="X1470" s="71"/>
      <c r="Y1470" s="71"/>
    </row>
    <row r="1471" spans="1:25" s="32" customFormat="1" ht="58.05" customHeight="1" x14ac:dyDescent="0.15">
      <c r="A1471" s="31"/>
      <c r="D1471" s="33" t="s">
        <v>341</v>
      </c>
      <c r="E1471" s="36" t="s">
        <v>566</v>
      </c>
      <c r="F1471" s="51" t="s">
        <v>567</v>
      </c>
      <c r="G1471" s="51" t="s">
        <v>568</v>
      </c>
      <c r="H1471" s="51" t="s">
        <v>569</v>
      </c>
      <c r="I1471" s="51" t="s">
        <v>570</v>
      </c>
      <c r="J1471" s="51" t="s">
        <v>571</v>
      </c>
      <c r="K1471" s="51" t="s">
        <v>572</v>
      </c>
      <c r="L1471" s="37" t="s">
        <v>443</v>
      </c>
      <c r="M1471" s="35" t="s">
        <v>344</v>
      </c>
    </row>
    <row r="1472" spans="1:25" x14ac:dyDescent="0.2">
      <c r="B1472" s="5"/>
      <c r="C1472" s="40" t="s">
        <v>38</v>
      </c>
      <c r="D1472" s="41">
        <v>1274</v>
      </c>
      <c r="E1472" s="42">
        <v>26.1</v>
      </c>
      <c r="F1472" s="42">
        <v>20.6</v>
      </c>
      <c r="G1472" s="42">
        <v>14.8</v>
      </c>
      <c r="H1472" s="42">
        <v>6.9</v>
      </c>
      <c r="I1472" s="42">
        <v>4.7</v>
      </c>
      <c r="J1472" s="42">
        <v>1.6</v>
      </c>
      <c r="K1472" s="42">
        <v>4.4000000000000004</v>
      </c>
      <c r="L1472" s="43">
        <v>21</v>
      </c>
    </row>
    <row r="1473" spans="1:25" x14ac:dyDescent="0.2">
      <c r="B1473" s="72" t="s">
        <v>37</v>
      </c>
      <c r="C1473" s="38" t="s">
        <v>39</v>
      </c>
      <c r="D1473" s="44">
        <v>432</v>
      </c>
      <c r="E1473" s="45">
        <v>24.1</v>
      </c>
      <c r="F1473" s="45">
        <v>21.8</v>
      </c>
      <c r="G1473" s="45">
        <v>14.1</v>
      </c>
      <c r="H1473" s="45">
        <v>7.9</v>
      </c>
      <c r="I1473" s="45">
        <v>6.3</v>
      </c>
      <c r="J1473" s="45">
        <v>1.2</v>
      </c>
      <c r="K1473" s="45">
        <v>6</v>
      </c>
      <c r="L1473" s="46">
        <v>18.8</v>
      </c>
    </row>
    <row r="1474" spans="1:25" x14ac:dyDescent="0.2">
      <c r="B1474" s="72"/>
      <c r="C1474" s="38" t="s">
        <v>40</v>
      </c>
      <c r="D1474" s="44">
        <v>204</v>
      </c>
      <c r="E1474" s="45">
        <v>22.1</v>
      </c>
      <c r="F1474" s="45">
        <v>23.5</v>
      </c>
      <c r="G1474" s="45">
        <v>12.7</v>
      </c>
      <c r="H1474" s="45">
        <v>7.8</v>
      </c>
      <c r="I1474" s="45">
        <v>4.4000000000000004</v>
      </c>
      <c r="J1474" s="45">
        <v>1</v>
      </c>
      <c r="K1474" s="45">
        <v>2.9</v>
      </c>
      <c r="L1474" s="46">
        <v>25.5</v>
      </c>
    </row>
    <row r="1475" spans="1:25" x14ac:dyDescent="0.2">
      <c r="B1475" s="72"/>
      <c r="C1475" s="38" t="s">
        <v>41</v>
      </c>
      <c r="D1475" s="44">
        <v>54</v>
      </c>
      <c r="E1475" s="45">
        <v>24.1</v>
      </c>
      <c r="F1475" s="45">
        <v>14.8</v>
      </c>
      <c r="G1475" s="45">
        <v>13</v>
      </c>
      <c r="H1475" s="45">
        <v>3.7</v>
      </c>
      <c r="I1475" s="45">
        <v>5.6</v>
      </c>
      <c r="J1475" s="45">
        <v>3.7</v>
      </c>
      <c r="K1475" s="45">
        <v>3.7</v>
      </c>
      <c r="L1475" s="46">
        <v>31.5</v>
      </c>
    </row>
    <row r="1476" spans="1:25" x14ac:dyDescent="0.2">
      <c r="B1476" s="72"/>
      <c r="C1476" s="38" t="s">
        <v>42</v>
      </c>
      <c r="D1476" s="44">
        <v>74</v>
      </c>
      <c r="E1476" s="45">
        <v>27</v>
      </c>
      <c r="F1476" s="45">
        <v>18.899999999999999</v>
      </c>
      <c r="G1476" s="45">
        <v>20.3</v>
      </c>
      <c r="H1476" s="45">
        <v>6.8</v>
      </c>
      <c r="I1476" s="45">
        <v>4.0999999999999996</v>
      </c>
      <c r="J1476" s="45">
        <v>0</v>
      </c>
      <c r="K1476" s="45">
        <v>1.4</v>
      </c>
      <c r="L1476" s="46">
        <v>21.6</v>
      </c>
    </row>
    <row r="1477" spans="1:25" x14ac:dyDescent="0.2">
      <c r="B1477" s="72"/>
      <c r="C1477" s="38" t="s">
        <v>43</v>
      </c>
      <c r="D1477" s="44">
        <v>74</v>
      </c>
      <c r="E1477" s="45">
        <v>23</v>
      </c>
      <c r="F1477" s="45">
        <v>21.6</v>
      </c>
      <c r="G1477" s="45">
        <v>27</v>
      </c>
      <c r="H1477" s="45">
        <v>9.5</v>
      </c>
      <c r="I1477" s="45">
        <v>1.4</v>
      </c>
      <c r="J1477" s="45">
        <v>0</v>
      </c>
      <c r="K1477" s="45">
        <v>2.7</v>
      </c>
      <c r="L1477" s="46">
        <v>14.9</v>
      </c>
    </row>
    <row r="1478" spans="1:25" x14ac:dyDescent="0.2">
      <c r="B1478" s="72"/>
      <c r="C1478" s="38" t="s">
        <v>44</v>
      </c>
      <c r="D1478" s="44">
        <v>223</v>
      </c>
      <c r="E1478" s="45">
        <v>30</v>
      </c>
      <c r="F1478" s="45">
        <v>18.8</v>
      </c>
      <c r="G1478" s="45">
        <v>14.3</v>
      </c>
      <c r="H1478" s="45">
        <v>4</v>
      </c>
      <c r="I1478" s="45">
        <v>3.1</v>
      </c>
      <c r="J1478" s="45">
        <v>3.1</v>
      </c>
      <c r="K1478" s="45">
        <v>4.9000000000000004</v>
      </c>
      <c r="L1478" s="46">
        <v>21.5</v>
      </c>
    </row>
    <row r="1479" spans="1:25" x14ac:dyDescent="0.2">
      <c r="B1479" s="72"/>
      <c r="C1479" s="38" t="s">
        <v>45</v>
      </c>
      <c r="D1479" s="44">
        <v>60</v>
      </c>
      <c r="E1479" s="45">
        <v>21.7</v>
      </c>
      <c r="F1479" s="45">
        <v>30</v>
      </c>
      <c r="G1479" s="45">
        <v>11.7</v>
      </c>
      <c r="H1479" s="45">
        <v>5</v>
      </c>
      <c r="I1479" s="45">
        <v>3.3</v>
      </c>
      <c r="J1479" s="45">
        <v>3.3</v>
      </c>
      <c r="K1479" s="45">
        <v>5</v>
      </c>
      <c r="L1479" s="46">
        <v>20</v>
      </c>
    </row>
    <row r="1480" spans="1:25" x14ac:dyDescent="0.2">
      <c r="B1480" s="72"/>
      <c r="C1480" s="38" t="s">
        <v>46</v>
      </c>
      <c r="D1480" s="44">
        <v>29</v>
      </c>
      <c r="E1480" s="45">
        <v>44.8</v>
      </c>
      <c r="F1480" s="45">
        <v>6.9</v>
      </c>
      <c r="G1480" s="45">
        <v>13.8</v>
      </c>
      <c r="H1480" s="45">
        <v>6.9</v>
      </c>
      <c r="I1480" s="45">
        <v>3.4</v>
      </c>
      <c r="J1480" s="45">
        <v>3.4</v>
      </c>
      <c r="K1480" s="45">
        <v>0</v>
      </c>
      <c r="L1480" s="46">
        <v>20.7</v>
      </c>
    </row>
    <row r="1481" spans="1:25" x14ac:dyDescent="0.2">
      <c r="B1481" s="72"/>
      <c r="C1481" s="38" t="s">
        <v>47</v>
      </c>
      <c r="D1481" s="44">
        <v>124</v>
      </c>
      <c r="E1481" s="45">
        <v>32.299999999999997</v>
      </c>
      <c r="F1481" s="45">
        <v>16.100000000000001</v>
      </c>
      <c r="G1481" s="45">
        <v>13.7</v>
      </c>
      <c r="H1481" s="45">
        <v>8.1</v>
      </c>
      <c r="I1481" s="45">
        <v>5.6</v>
      </c>
      <c r="J1481" s="45">
        <v>0.8</v>
      </c>
      <c r="K1481" s="45">
        <v>4</v>
      </c>
      <c r="L1481" s="46">
        <v>19.399999999999999</v>
      </c>
    </row>
    <row r="1482" spans="1:25" ht="21.6" x14ac:dyDescent="0.2">
      <c r="B1482" s="72"/>
      <c r="C1482" s="39" t="s">
        <v>48</v>
      </c>
      <c r="D1482" s="47">
        <v>638</v>
      </c>
      <c r="E1482" s="48">
        <v>28.7</v>
      </c>
      <c r="F1482" s="48">
        <v>18.8</v>
      </c>
      <c r="G1482" s="48">
        <v>16</v>
      </c>
      <c r="H1482" s="48">
        <v>6</v>
      </c>
      <c r="I1482" s="48">
        <v>3.8</v>
      </c>
      <c r="J1482" s="48">
        <v>2</v>
      </c>
      <c r="K1482" s="48">
        <v>3.8</v>
      </c>
      <c r="L1482" s="49">
        <v>21</v>
      </c>
    </row>
    <row r="1484" spans="1:25" x14ac:dyDescent="0.2">
      <c r="A1484" s="26" t="s">
        <v>25</v>
      </c>
      <c r="B1484" t="s">
        <v>35</v>
      </c>
      <c r="C1484" t="s">
        <v>35</v>
      </c>
    </row>
    <row r="1485" spans="1:25" x14ac:dyDescent="0.2">
      <c r="B1485" s="70" t="s">
        <v>182</v>
      </c>
      <c r="C1485" s="71"/>
      <c r="D1485" s="71"/>
      <c r="E1485" s="71"/>
      <c r="F1485" s="71"/>
      <c r="G1485" s="71"/>
      <c r="H1485" s="71"/>
      <c r="I1485" s="71"/>
      <c r="J1485" s="71"/>
      <c r="K1485" s="71"/>
      <c r="L1485" s="71"/>
      <c r="M1485" s="71"/>
      <c r="N1485" s="71"/>
      <c r="O1485" s="71"/>
      <c r="P1485" s="71"/>
      <c r="Q1485" s="71"/>
      <c r="R1485" s="71"/>
      <c r="S1485" s="71"/>
      <c r="T1485" s="71"/>
      <c r="U1485" s="71"/>
      <c r="V1485" s="71"/>
      <c r="W1485" s="71"/>
      <c r="X1485" s="71"/>
      <c r="Y1485" s="71"/>
    </row>
    <row r="1486" spans="1:25" s="32" customFormat="1" ht="36.450000000000003" customHeight="1" x14ac:dyDescent="0.15">
      <c r="A1486" s="31"/>
      <c r="D1486" s="33" t="s">
        <v>341</v>
      </c>
      <c r="E1486" s="36" t="s">
        <v>573</v>
      </c>
      <c r="F1486" s="51" t="s">
        <v>574</v>
      </c>
      <c r="G1486" s="37" t="s">
        <v>443</v>
      </c>
      <c r="H1486" s="35" t="s">
        <v>344</v>
      </c>
    </row>
    <row r="1487" spans="1:25" x14ac:dyDescent="0.2">
      <c r="B1487" s="5"/>
      <c r="C1487" s="40" t="s">
        <v>38</v>
      </c>
      <c r="D1487" s="41">
        <v>1274</v>
      </c>
      <c r="E1487" s="42">
        <v>61.5</v>
      </c>
      <c r="F1487" s="42">
        <v>17.600000000000001</v>
      </c>
      <c r="G1487" s="43">
        <v>21</v>
      </c>
    </row>
    <row r="1488" spans="1:25" x14ac:dyDescent="0.2">
      <c r="B1488" s="72" t="s">
        <v>37</v>
      </c>
      <c r="C1488" s="38" t="s">
        <v>39</v>
      </c>
      <c r="D1488" s="44">
        <v>432</v>
      </c>
      <c r="E1488" s="45">
        <v>60</v>
      </c>
      <c r="F1488" s="45">
        <v>21.3</v>
      </c>
      <c r="G1488" s="46">
        <v>18.8</v>
      </c>
    </row>
    <row r="1489" spans="1:25" x14ac:dyDescent="0.2">
      <c r="B1489" s="72"/>
      <c r="C1489" s="38" t="s">
        <v>40</v>
      </c>
      <c r="D1489" s="44">
        <v>204</v>
      </c>
      <c r="E1489" s="45">
        <v>58.3</v>
      </c>
      <c r="F1489" s="45">
        <v>16.2</v>
      </c>
      <c r="G1489" s="46">
        <v>25.5</v>
      </c>
    </row>
    <row r="1490" spans="1:25" x14ac:dyDescent="0.2">
      <c r="B1490" s="72"/>
      <c r="C1490" s="38" t="s">
        <v>41</v>
      </c>
      <c r="D1490" s="44">
        <v>54</v>
      </c>
      <c r="E1490" s="45">
        <v>51.9</v>
      </c>
      <c r="F1490" s="45">
        <v>16.7</v>
      </c>
      <c r="G1490" s="46">
        <v>31.5</v>
      </c>
    </row>
    <row r="1491" spans="1:25" x14ac:dyDescent="0.2">
      <c r="B1491" s="72"/>
      <c r="C1491" s="38" t="s">
        <v>42</v>
      </c>
      <c r="D1491" s="44">
        <v>74</v>
      </c>
      <c r="E1491" s="45">
        <v>66.2</v>
      </c>
      <c r="F1491" s="45">
        <v>12.2</v>
      </c>
      <c r="G1491" s="46">
        <v>21.6</v>
      </c>
    </row>
    <row r="1492" spans="1:25" x14ac:dyDescent="0.2">
      <c r="B1492" s="72"/>
      <c r="C1492" s="38" t="s">
        <v>43</v>
      </c>
      <c r="D1492" s="44">
        <v>74</v>
      </c>
      <c r="E1492" s="45">
        <v>71.599999999999994</v>
      </c>
      <c r="F1492" s="45">
        <v>13.5</v>
      </c>
      <c r="G1492" s="46">
        <v>14.9</v>
      </c>
    </row>
    <row r="1493" spans="1:25" x14ac:dyDescent="0.2">
      <c r="B1493" s="72"/>
      <c r="C1493" s="38" t="s">
        <v>44</v>
      </c>
      <c r="D1493" s="44">
        <v>223</v>
      </c>
      <c r="E1493" s="45">
        <v>63.2</v>
      </c>
      <c r="F1493" s="45">
        <v>15.2</v>
      </c>
      <c r="G1493" s="46">
        <v>21.5</v>
      </c>
    </row>
    <row r="1494" spans="1:25" x14ac:dyDescent="0.2">
      <c r="B1494" s="72"/>
      <c r="C1494" s="38" t="s">
        <v>45</v>
      </c>
      <c r="D1494" s="44">
        <v>60</v>
      </c>
      <c r="E1494" s="45">
        <v>63.3</v>
      </c>
      <c r="F1494" s="45">
        <v>16.7</v>
      </c>
      <c r="G1494" s="46">
        <v>20</v>
      </c>
    </row>
    <row r="1495" spans="1:25" x14ac:dyDescent="0.2">
      <c r="B1495" s="72"/>
      <c r="C1495" s="38" t="s">
        <v>46</v>
      </c>
      <c r="D1495" s="44">
        <v>29</v>
      </c>
      <c r="E1495" s="45">
        <v>65.5</v>
      </c>
      <c r="F1495" s="45">
        <v>13.8</v>
      </c>
      <c r="G1495" s="46">
        <v>20.7</v>
      </c>
    </row>
    <row r="1496" spans="1:25" x14ac:dyDescent="0.2">
      <c r="B1496" s="72"/>
      <c r="C1496" s="38" t="s">
        <v>47</v>
      </c>
      <c r="D1496" s="44">
        <v>124</v>
      </c>
      <c r="E1496" s="45">
        <v>62.1</v>
      </c>
      <c r="F1496" s="45">
        <v>18.5</v>
      </c>
      <c r="G1496" s="46">
        <v>19.399999999999999</v>
      </c>
    </row>
    <row r="1497" spans="1:25" ht="21.6" x14ac:dyDescent="0.2">
      <c r="B1497" s="72"/>
      <c r="C1497" s="39" t="s">
        <v>48</v>
      </c>
      <c r="D1497" s="47">
        <v>638</v>
      </c>
      <c r="E1497" s="48">
        <v>63.5</v>
      </c>
      <c r="F1497" s="48">
        <v>15.5</v>
      </c>
      <c r="G1497" s="49">
        <v>21</v>
      </c>
    </row>
    <row r="1499" spans="1:25" x14ac:dyDescent="0.2">
      <c r="A1499" s="26" t="s">
        <v>25</v>
      </c>
      <c r="B1499" t="s">
        <v>35</v>
      </c>
      <c r="C1499" t="s">
        <v>35</v>
      </c>
    </row>
    <row r="1500" spans="1:25" x14ac:dyDescent="0.2">
      <c r="B1500" s="70" t="s">
        <v>183</v>
      </c>
      <c r="C1500" s="71"/>
      <c r="D1500" s="71"/>
      <c r="E1500" s="71"/>
      <c r="F1500" s="71"/>
      <c r="G1500" s="71"/>
      <c r="H1500" s="71"/>
      <c r="I1500" s="71"/>
      <c r="J1500" s="71"/>
      <c r="K1500" s="71"/>
      <c r="L1500" s="71"/>
      <c r="M1500" s="71"/>
      <c r="N1500" s="71"/>
      <c r="O1500" s="71"/>
      <c r="P1500" s="71"/>
      <c r="Q1500" s="71"/>
      <c r="R1500" s="71"/>
      <c r="S1500" s="71"/>
      <c r="T1500" s="71"/>
      <c r="U1500" s="71"/>
      <c r="V1500" s="71"/>
      <c r="W1500" s="71"/>
      <c r="X1500" s="71"/>
      <c r="Y1500" s="71"/>
    </row>
    <row r="1501" spans="1:25" s="32" customFormat="1" ht="36.450000000000003" customHeight="1" x14ac:dyDescent="0.15">
      <c r="A1501" s="31"/>
      <c r="D1501" s="33" t="s">
        <v>341</v>
      </c>
      <c r="E1501" s="36" t="s">
        <v>575</v>
      </c>
      <c r="F1501" s="51" t="s">
        <v>576</v>
      </c>
      <c r="G1501" s="37" t="s">
        <v>443</v>
      </c>
      <c r="H1501" s="35" t="s">
        <v>344</v>
      </c>
    </row>
    <row r="1502" spans="1:25" x14ac:dyDescent="0.2">
      <c r="B1502" s="5"/>
      <c r="C1502" s="40" t="s">
        <v>38</v>
      </c>
      <c r="D1502" s="41">
        <v>1274</v>
      </c>
      <c r="E1502" s="42">
        <v>68.400000000000006</v>
      </c>
      <c r="F1502" s="42">
        <v>10.7</v>
      </c>
      <c r="G1502" s="43">
        <v>21</v>
      </c>
    </row>
    <row r="1503" spans="1:25" x14ac:dyDescent="0.2">
      <c r="B1503" s="72" t="s">
        <v>37</v>
      </c>
      <c r="C1503" s="38" t="s">
        <v>39</v>
      </c>
      <c r="D1503" s="44">
        <v>432</v>
      </c>
      <c r="E1503" s="45">
        <v>67.8</v>
      </c>
      <c r="F1503" s="45">
        <v>13.4</v>
      </c>
      <c r="G1503" s="46">
        <v>18.8</v>
      </c>
    </row>
    <row r="1504" spans="1:25" x14ac:dyDescent="0.2">
      <c r="B1504" s="72"/>
      <c r="C1504" s="38" t="s">
        <v>40</v>
      </c>
      <c r="D1504" s="44">
        <v>204</v>
      </c>
      <c r="E1504" s="45">
        <v>66.2</v>
      </c>
      <c r="F1504" s="45">
        <v>8.3000000000000007</v>
      </c>
      <c r="G1504" s="46">
        <v>25.5</v>
      </c>
    </row>
    <row r="1505" spans="1:25" x14ac:dyDescent="0.2">
      <c r="B1505" s="72"/>
      <c r="C1505" s="38" t="s">
        <v>41</v>
      </c>
      <c r="D1505" s="44">
        <v>54</v>
      </c>
      <c r="E1505" s="45">
        <v>55.6</v>
      </c>
      <c r="F1505" s="45">
        <v>13</v>
      </c>
      <c r="G1505" s="46">
        <v>31.5</v>
      </c>
    </row>
    <row r="1506" spans="1:25" x14ac:dyDescent="0.2">
      <c r="B1506" s="72"/>
      <c r="C1506" s="38" t="s">
        <v>42</v>
      </c>
      <c r="D1506" s="44">
        <v>74</v>
      </c>
      <c r="E1506" s="45">
        <v>73</v>
      </c>
      <c r="F1506" s="45">
        <v>5.4</v>
      </c>
      <c r="G1506" s="46">
        <v>21.6</v>
      </c>
    </row>
    <row r="1507" spans="1:25" x14ac:dyDescent="0.2">
      <c r="B1507" s="72"/>
      <c r="C1507" s="38" t="s">
        <v>43</v>
      </c>
      <c r="D1507" s="44">
        <v>74</v>
      </c>
      <c r="E1507" s="45">
        <v>81.099999999999994</v>
      </c>
      <c r="F1507" s="45">
        <v>4.0999999999999996</v>
      </c>
      <c r="G1507" s="46">
        <v>14.9</v>
      </c>
    </row>
    <row r="1508" spans="1:25" x14ac:dyDescent="0.2">
      <c r="B1508" s="72"/>
      <c r="C1508" s="38" t="s">
        <v>44</v>
      </c>
      <c r="D1508" s="44">
        <v>223</v>
      </c>
      <c r="E1508" s="45">
        <v>67.3</v>
      </c>
      <c r="F1508" s="45">
        <v>11.2</v>
      </c>
      <c r="G1508" s="46">
        <v>21.5</v>
      </c>
    </row>
    <row r="1509" spans="1:25" x14ac:dyDescent="0.2">
      <c r="B1509" s="72"/>
      <c r="C1509" s="38" t="s">
        <v>45</v>
      </c>
      <c r="D1509" s="44">
        <v>60</v>
      </c>
      <c r="E1509" s="45">
        <v>68.3</v>
      </c>
      <c r="F1509" s="45">
        <v>11.7</v>
      </c>
      <c r="G1509" s="46">
        <v>20</v>
      </c>
    </row>
    <row r="1510" spans="1:25" x14ac:dyDescent="0.2">
      <c r="B1510" s="72"/>
      <c r="C1510" s="38" t="s">
        <v>46</v>
      </c>
      <c r="D1510" s="44">
        <v>29</v>
      </c>
      <c r="E1510" s="45">
        <v>72.400000000000006</v>
      </c>
      <c r="F1510" s="45">
        <v>6.9</v>
      </c>
      <c r="G1510" s="46">
        <v>20.7</v>
      </c>
    </row>
    <row r="1511" spans="1:25" x14ac:dyDescent="0.2">
      <c r="B1511" s="72"/>
      <c r="C1511" s="38" t="s">
        <v>47</v>
      </c>
      <c r="D1511" s="44">
        <v>124</v>
      </c>
      <c r="E1511" s="45">
        <v>70.2</v>
      </c>
      <c r="F1511" s="45">
        <v>10.5</v>
      </c>
      <c r="G1511" s="46">
        <v>19.399999999999999</v>
      </c>
    </row>
    <row r="1512" spans="1:25" ht="21.6" x14ac:dyDescent="0.2">
      <c r="B1512" s="72"/>
      <c r="C1512" s="39" t="s">
        <v>48</v>
      </c>
      <c r="D1512" s="47">
        <v>638</v>
      </c>
      <c r="E1512" s="48">
        <v>69.400000000000006</v>
      </c>
      <c r="F1512" s="48">
        <v>9.6</v>
      </c>
      <c r="G1512" s="49">
        <v>21</v>
      </c>
    </row>
    <row r="1514" spans="1:25" x14ac:dyDescent="0.2">
      <c r="A1514" s="26" t="s">
        <v>25</v>
      </c>
      <c r="B1514" t="s">
        <v>35</v>
      </c>
      <c r="C1514" t="s">
        <v>35</v>
      </c>
    </row>
    <row r="1515" spans="1:25" x14ac:dyDescent="0.2">
      <c r="B1515" s="70" t="s">
        <v>184</v>
      </c>
      <c r="C1515" s="71"/>
      <c r="D1515" s="71"/>
      <c r="E1515" s="71"/>
      <c r="F1515" s="71"/>
      <c r="G1515" s="71"/>
      <c r="H1515" s="71"/>
      <c r="I1515" s="71"/>
      <c r="J1515" s="71"/>
      <c r="K1515" s="71"/>
      <c r="L1515" s="71"/>
      <c r="M1515" s="71"/>
      <c r="N1515" s="71"/>
      <c r="O1515" s="71"/>
      <c r="P1515" s="71"/>
      <c r="Q1515" s="71"/>
      <c r="R1515" s="71"/>
      <c r="S1515" s="71"/>
      <c r="T1515" s="71"/>
      <c r="U1515" s="71"/>
      <c r="V1515" s="71"/>
      <c r="W1515" s="71"/>
      <c r="X1515" s="71"/>
      <c r="Y1515" s="71"/>
    </row>
    <row r="1516" spans="1:25" s="32" customFormat="1" ht="36.450000000000003" customHeight="1" x14ac:dyDescent="0.15">
      <c r="A1516" s="31"/>
      <c r="D1516" s="33" t="s">
        <v>341</v>
      </c>
      <c r="E1516" s="36" t="s">
        <v>577</v>
      </c>
      <c r="F1516" s="51" t="s">
        <v>578</v>
      </c>
      <c r="G1516" s="37" t="s">
        <v>443</v>
      </c>
      <c r="H1516" s="35" t="s">
        <v>344</v>
      </c>
    </row>
    <row r="1517" spans="1:25" x14ac:dyDescent="0.2">
      <c r="B1517" s="5"/>
      <c r="C1517" s="40" t="s">
        <v>38</v>
      </c>
      <c r="D1517" s="41">
        <v>1274</v>
      </c>
      <c r="E1517" s="42">
        <v>73.099999999999994</v>
      </c>
      <c r="F1517" s="42">
        <v>6</v>
      </c>
      <c r="G1517" s="43">
        <v>21</v>
      </c>
    </row>
    <row r="1518" spans="1:25" x14ac:dyDescent="0.2">
      <c r="B1518" s="72" t="s">
        <v>37</v>
      </c>
      <c r="C1518" s="38" t="s">
        <v>39</v>
      </c>
      <c r="D1518" s="44">
        <v>432</v>
      </c>
      <c r="E1518" s="45">
        <v>74.099999999999994</v>
      </c>
      <c r="F1518" s="45">
        <v>7.2</v>
      </c>
      <c r="G1518" s="46">
        <v>18.8</v>
      </c>
    </row>
    <row r="1519" spans="1:25" x14ac:dyDescent="0.2">
      <c r="B1519" s="72"/>
      <c r="C1519" s="38" t="s">
        <v>40</v>
      </c>
      <c r="D1519" s="44">
        <v>204</v>
      </c>
      <c r="E1519" s="45">
        <v>70.599999999999994</v>
      </c>
      <c r="F1519" s="45">
        <v>3.9</v>
      </c>
      <c r="G1519" s="46">
        <v>25.5</v>
      </c>
    </row>
    <row r="1520" spans="1:25" x14ac:dyDescent="0.2">
      <c r="B1520" s="72"/>
      <c r="C1520" s="38" t="s">
        <v>41</v>
      </c>
      <c r="D1520" s="44">
        <v>54</v>
      </c>
      <c r="E1520" s="45">
        <v>61.1</v>
      </c>
      <c r="F1520" s="45">
        <v>7.4</v>
      </c>
      <c r="G1520" s="46">
        <v>31.5</v>
      </c>
    </row>
    <row r="1521" spans="1:25" x14ac:dyDescent="0.2">
      <c r="B1521" s="72"/>
      <c r="C1521" s="38" t="s">
        <v>42</v>
      </c>
      <c r="D1521" s="44">
        <v>74</v>
      </c>
      <c r="E1521" s="45">
        <v>77</v>
      </c>
      <c r="F1521" s="45">
        <v>1.4</v>
      </c>
      <c r="G1521" s="46">
        <v>21.6</v>
      </c>
    </row>
    <row r="1522" spans="1:25" x14ac:dyDescent="0.2">
      <c r="B1522" s="72"/>
      <c r="C1522" s="38" t="s">
        <v>43</v>
      </c>
      <c r="D1522" s="44">
        <v>74</v>
      </c>
      <c r="E1522" s="45">
        <v>82.4</v>
      </c>
      <c r="F1522" s="45">
        <v>2.7</v>
      </c>
      <c r="G1522" s="46">
        <v>14.9</v>
      </c>
    </row>
    <row r="1523" spans="1:25" x14ac:dyDescent="0.2">
      <c r="B1523" s="72"/>
      <c r="C1523" s="38" t="s">
        <v>44</v>
      </c>
      <c r="D1523" s="44">
        <v>223</v>
      </c>
      <c r="E1523" s="45">
        <v>70.400000000000006</v>
      </c>
      <c r="F1523" s="45">
        <v>8.1</v>
      </c>
      <c r="G1523" s="46">
        <v>21.5</v>
      </c>
    </row>
    <row r="1524" spans="1:25" x14ac:dyDescent="0.2">
      <c r="B1524" s="72"/>
      <c r="C1524" s="38" t="s">
        <v>45</v>
      </c>
      <c r="D1524" s="44">
        <v>60</v>
      </c>
      <c r="E1524" s="45">
        <v>71.7</v>
      </c>
      <c r="F1524" s="45">
        <v>8.3000000000000007</v>
      </c>
      <c r="G1524" s="46">
        <v>20</v>
      </c>
    </row>
    <row r="1525" spans="1:25" x14ac:dyDescent="0.2">
      <c r="B1525" s="72"/>
      <c r="C1525" s="38" t="s">
        <v>46</v>
      </c>
      <c r="D1525" s="44">
        <v>29</v>
      </c>
      <c r="E1525" s="45">
        <v>75.900000000000006</v>
      </c>
      <c r="F1525" s="45">
        <v>3.4</v>
      </c>
      <c r="G1525" s="46">
        <v>20.7</v>
      </c>
    </row>
    <row r="1526" spans="1:25" x14ac:dyDescent="0.2">
      <c r="B1526" s="72"/>
      <c r="C1526" s="38" t="s">
        <v>47</v>
      </c>
      <c r="D1526" s="44">
        <v>124</v>
      </c>
      <c r="E1526" s="45">
        <v>75.8</v>
      </c>
      <c r="F1526" s="45">
        <v>4.8</v>
      </c>
      <c r="G1526" s="46">
        <v>19.399999999999999</v>
      </c>
    </row>
    <row r="1527" spans="1:25" ht="21.6" x14ac:dyDescent="0.2">
      <c r="B1527" s="72"/>
      <c r="C1527" s="39" t="s">
        <v>48</v>
      </c>
      <c r="D1527" s="47">
        <v>638</v>
      </c>
      <c r="E1527" s="48">
        <v>73.2</v>
      </c>
      <c r="F1527" s="48">
        <v>5.8</v>
      </c>
      <c r="G1527" s="49">
        <v>21</v>
      </c>
    </row>
    <row r="1529" spans="1:25" x14ac:dyDescent="0.2">
      <c r="A1529" s="26" t="s">
        <v>25</v>
      </c>
      <c r="B1529" t="s">
        <v>35</v>
      </c>
      <c r="C1529" t="s">
        <v>35</v>
      </c>
    </row>
    <row r="1530" spans="1:25" x14ac:dyDescent="0.2">
      <c r="B1530" s="70" t="s">
        <v>185</v>
      </c>
      <c r="C1530" s="71"/>
      <c r="D1530" s="71"/>
      <c r="E1530" s="71"/>
      <c r="F1530" s="71"/>
      <c r="G1530" s="71"/>
      <c r="H1530" s="71"/>
      <c r="I1530" s="71"/>
      <c r="J1530" s="71"/>
      <c r="K1530" s="71"/>
      <c r="L1530" s="71"/>
      <c r="M1530" s="71"/>
      <c r="N1530" s="71"/>
      <c r="O1530" s="71"/>
      <c r="P1530" s="71"/>
      <c r="Q1530" s="71"/>
      <c r="R1530" s="71"/>
      <c r="S1530" s="71"/>
      <c r="T1530" s="71"/>
      <c r="U1530" s="71"/>
      <c r="V1530" s="71"/>
      <c r="W1530" s="71"/>
      <c r="X1530" s="71"/>
      <c r="Y1530" s="71"/>
    </row>
    <row r="1531" spans="1:25" s="32" customFormat="1" ht="79.650000000000006" customHeight="1" x14ac:dyDescent="0.15">
      <c r="A1531" s="31"/>
      <c r="D1531" s="33" t="s">
        <v>341</v>
      </c>
      <c r="E1531" s="36" t="s">
        <v>579</v>
      </c>
      <c r="F1531" s="51" t="s">
        <v>580</v>
      </c>
      <c r="G1531" s="51" t="s">
        <v>538</v>
      </c>
      <c r="H1531" s="37" t="s">
        <v>443</v>
      </c>
      <c r="I1531" s="35" t="s">
        <v>344</v>
      </c>
    </row>
    <row r="1532" spans="1:25" x14ac:dyDescent="0.2">
      <c r="B1532" s="5"/>
      <c r="C1532" s="40" t="s">
        <v>38</v>
      </c>
      <c r="D1532" s="41">
        <v>1274</v>
      </c>
      <c r="E1532" s="42">
        <v>20.7</v>
      </c>
      <c r="F1532" s="42">
        <v>37.299999999999997</v>
      </c>
      <c r="G1532" s="42">
        <v>39.1</v>
      </c>
      <c r="H1532" s="43">
        <v>2.9</v>
      </c>
    </row>
    <row r="1533" spans="1:25" x14ac:dyDescent="0.2">
      <c r="B1533" s="72" t="s">
        <v>37</v>
      </c>
      <c r="C1533" s="38" t="s">
        <v>39</v>
      </c>
      <c r="D1533" s="44">
        <v>432</v>
      </c>
      <c r="E1533" s="45">
        <v>23.1</v>
      </c>
      <c r="F1533" s="45">
        <v>38.4</v>
      </c>
      <c r="G1533" s="45">
        <v>35.9</v>
      </c>
      <c r="H1533" s="46">
        <v>2.5</v>
      </c>
    </row>
    <row r="1534" spans="1:25" x14ac:dyDescent="0.2">
      <c r="B1534" s="72"/>
      <c r="C1534" s="38" t="s">
        <v>40</v>
      </c>
      <c r="D1534" s="44">
        <v>204</v>
      </c>
      <c r="E1534" s="45">
        <v>18.100000000000001</v>
      </c>
      <c r="F1534" s="45">
        <v>39.700000000000003</v>
      </c>
      <c r="G1534" s="45">
        <v>38.700000000000003</v>
      </c>
      <c r="H1534" s="46">
        <v>3.4</v>
      </c>
    </row>
    <row r="1535" spans="1:25" x14ac:dyDescent="0.2">
      <c r="B1535" s="72"/>
      <c r="C1535" s="38" t="s">
        <v>41</v>
      </c>
      <c r="D1535" s="44">
        <v>54</v>
      </c>
      <c r="E1535" s="45">
        <v>16.7</v>
      </c>
      <c r="F1535" s="45">
        <v>33.299999999999997</v>
      </c>
      <c r="G1535" s="45">
        <v>42.6</v>
      </c>
      <c r="H1535" s="46">
        <v>7.4</v>
      </c>
    </row>
    <row r="1536" spans="1:25" x14ac:dyDescent="0.2">
      <c r="B1536" s="72"/>
      <c r="C1536" s="38" t="s">
        <v>42</v>
      </c>
      <c r="D1536" s="44">
        <v>74</v>
      </c>
      <c r="E1536" s="45">
        <v>20.3</v>
      </c>
      <c r="F1536" s="45">
        <v>31.1</v>
      </c>
      <c r="G1536" s="45">
        <v>43.2</v>
      </c>
      <c r="H1536" s="46">
        <v>5.4</v>
      </c>
    </row>
    <row r="1537" spans="1:25" x14ac:dyDescent="0.2">
      <c r="B1537" s="72"/>
      <c r="C1537" s="38" t="s">
        <v>43</v>
      </c>
      <c r="D1537" s="44">
        <v>74</v>
      </c>
      <c r="E1537" s="45">
        <v>20.3</v>
      </c>
      <c r="F1537" s="45">
        <v>35.1</v>
      </c>
      <c r="G1537" s="45">
        <v>43.2</v>
      </c>
      <c r="H1537" s="46">
        <v>1.4</v>
      </c>
    </row>
    <row r="1538" spans="1:25" x14ac:dyDescent="0.2">
      <c r="B1538" s="72"/>
      <c r="C1538" s="38" t="s">
        <v>44</v>
      </c>
      <c r="D1538" s="44">
        <v>223</v>
      </c>
      <c r="E1538" s="45">
        <v>17.899999999999999</v>
      </c>
      <c r="F1538" s="45">
        <v>36.299999999999997</v>
      </c>
      <c r="G1538" s="45">
        <v>43.5</v>
      </c>
      <c r="H1538" s="46">
        <v>2.2000000000000002</v>
      </c>
    </row>
    <row r="1539" spans="1:25" x14ac:dyDescent="0.2">
      <c r="B1539" s="72"/>
      <c r="C1539" s="38" t="s">
        <v>45</v>
      </c>
      <c r="D1539" s="44">
        <v>60</v>
      </c>
      <c r="E1539" s="45">
        <v>26.7</v>
      </c>
      <c r="F1539" s="45">
        <v>41.7</v>
      </c>
      <c r="G1539" s="45">
        <v>31.7</v>
      </c>
      <c r="H1539" s="46">
        <v>0</v>
      </c>
    </row>
    <row r="1540" spans="1:25" x14ac:dyDescent="0.2">
      <c r="B1540" s="72"/>
      <c r="C1540" s="38" t="s">
        <v>46</v>
      </c>
      <c r="D1540" s="44">
        <v>29</v>
      </c>
      <c r="E1540" s="45">
        <v>27.6</v>
      </c>
      <c r="F1540" s="45">
        <v>20.7</v>
      </c>
      <c r="G1540" s="45">
        <v>51.7</v>
      </c>
      <c r="H1540" s="46">
        <v>0</v>
      </c>
    </row>
    <row r="1541" spans="1:25" x14ac:dyDescent="0.2">
      <c r="B1541" s="72"/>
      <c r="C1541" s="38" t="s">
        <v>47</v>
      </c>
      <c r="D1541" s="44">
        <v>124</v>
      </c>
      <c r="E1541" s="45">
        <v>19.399999999999999</v>
      </c>
      <c r="F1541" s="45">
        <v>39.5</v>
      </c>
      <c r="G1541" s="45">
        <v>37.1</v>
      </c>
      <c r="H1541" s="46">
        <v>4</v>
      </c>
    </row>
    <row r="1542" spans="1:25" ht="21.6" x14ac:dyDescent="0.2">
      <c r="B1542" s="72"/>
      <c r="C1542" s="39" t="s">
        <v>48</v>
      </c>
      <c r="D1542" s="47">
        <v>638</v>
      </c>
      <c r="E1542" s="48">
        <v>19.899999999999999</v>
      </c>
      <c r="F1542" s="48">
        <v>35.700000000000003</v>
      </c>
      <c r="G1542" s="48">
        <v>41.4</v>
      </c>
      <c r="H1542" s="49">
        <v>3</v>
      </c>
    </row>
    <row r="1543" spans="1:25" x14ac:dyDescent="0.2">
      <c r="B1543" s="7" t="s">
        <v>49</v>
      </c>
      <c r="C1543" s="4" t="s">
        <v>186</v>
      </c>
    </row>
    <row r="1544" spans="1:25" x14ac:dyDescent="0.2">
      <c r="B1544" s="4"/>
      <c r="C1544" s="4" t="s">
        <v>51</v>
      </c>
    </row>
    <row r="1546" spans="1:25" x14ac:dyDescent="0.2">
      <c r="A1546" s="26" t="s">
        <v>25</v>
      </c>
      <c r="B1546" t="s">
        <v>35</v>
      </c>
      <c r="C1546" t="s">
        <v>35</v>
      </c>
    </row>
    <row r="1547" spans="1:25" x14ac:dyDescent="0.2">
      <c r="B1547" s="70" t="s">
        <v>187</v>
      </c>
      <c r="C1547" s="71"/>
      <c r="D1547" s="71"/>
      <c r="E1547" s="71"/>
      <c r="F1547" s="71"/>
      <c r="G1547" s="71"/>
      <c r="H1547" s="71"/>
      <c r="I1547" s="71"/>
      <c r="J1547" s="71"/>
      <c r="K1547" s="71"/>
      <c r="L1547" s="71"/>
      <c r="M1547" s="71"/>
      <c r="N1547" s="71"/>
      <c r="O1547" s="71"/>
      <c r="P1547" s="71"/>
      <c r="Q1547" s="71"/>
      <c r="R1547" s="71"/>
      <c r="S1547" s="71"/>
      <c r="T1547" s="71"/>
      <c r="U1547" s="71"/>
      <c r="V1547" s="71"/>
      <c r="W1547" s="71"/>
      <c r="X1547" s="71"/>
      <c r="Y1547" s="71"/>
    </row>
    <row r="1548" spans="1:25" s="32" customFormat="1" ht="79.650000000000006" customHeight="1" x14ac:dyDescent="0.15">
      <c r="A1548" s="31"/>
      <c r="D1548" s="33" t="s">
        <v>341</v>
      </c>
      <c r="E1548" s="36" t="s">
        <v>581</v>
      </c>
      <c r="F1548" s="51" t="s">
        <v>582</v>
      </c>
      <c r="G1548" s="51" t="s">
        <v>583</v>
      </c>
      <c r="H1548" s="51" t="s">
        <v>584</v>
      </c>
      <c r="I1548" s="51" t="s">
        <v>585</v>
      </c>
      <c r="J1548" s="51" t="s">
        <v>586</v>
      </c>
      <c r="K1548" s="51" t="s">
        <v>587</v>
      </c>
      <c r="L1548" s="51" t="s">
        <v>588</v>
      </c>
      <c r="M1548" s="51" t="s">
        <v>589</v>
      </c>
      <c r="N1548" s="51" t="s">
        <v>590</v>
      </c>
      <c r="O1548" s="51" t="s">
        <v>591</v>
      </c>
      <c r="P1548" s="37" t="s">
        <v>430</v>
      </c>
      <c r="Q1548" s="35" t="s">
        <v>344</v>
      </c>
    </row>
    <row r="1549" spans="1:25" x14ac:dyDescent="0.2">
      <c r="B1549" s="5"/>
      <c r="C1549" s="40" t="s">
        <v>38</v>
      </c>
      <c r="D1549" s="41">
        <v>1274</v>
      </c>
      <c r="E1549" s="42">
        <v>45</v>
      </c>
      <c r="F1549" s="42">
        <v>27.4</v>
      </c>
      <c r="G1549" s="42">
        <v>40.700000000000003</v>
      </c>
      <c r="H1549" s="42">
        <v>11.8</v>
      </c>
      <c r="I1549" s="42">
        <v>8.6</v>
      </c>
      <c r="J1549" s="42">
        <v>10.1</v>
      </c>
      <c r="K1549" s="42">
        <v>3.1</v>
      </c>
      <c r="L1549" s="42">
        <v>3.6</v>
      </c>
      <c r="M1549" s="42">
        <v>9.8000000000000007</v>
      </c>
      <c r="N1549" s="42">
        <v>21.6</v>
      </c>
      <c r="O1549" s="42">
        <v>2.2999999999999998</v>
      </c>
      <c r="P1549" s="43">
        <v>4.0999999999999996</v>
      </c>
    </row>
    <row r="1550" spans="1:25" x14ac:dyDescent="0.2">
      <c r="B1550" s="72" t="s">
        <v>37</v>
      </c>
      <c r="C1550" s="38" t="s">
        <v>39</v>
      </c>
      <c r="D1550" s="44">
        <v>432</v>
      </c>
      <c r="E1550" s="45">
        <v>40.700000000000003</v>
      </c>
      <c r="F1550" s="45">
        <v>25.9</v>
      </c>
      <c r="G1550" s="45">
        <v>43.5</v>
      </c>
      <c r="H1550" s="45">
        <v>13</v>
      </c>
      <c r="I1550" s="45">
        <v>10</v>
      </c>
      <c r="J1550" s="45">
        <v>7.2</v>
      </c>
      <c r="K1550" s="45">
        <v>3.5</v>
      </c>
      <c r="L1550" s="45">
        <v>3</v>
      </c>
      <c r="M1550" s="45">
        <v>11.1</v>
      </c>
      <c r="N1550" s="45">
        <v>25</v>
      </c>
      <c r="O1550" s="45">
        <v>3</v>
      </c>
      <c r="P1550" s="46">
        <v>3.2</v>
      </c>
    </row>
    <row r="1551" spans="1:25" x14ac:dyDescent="0.2">
      <c r="B1551" s="72"/>
      <c r="C1551" s="38" t="s">
        <v>40</v>
      </c>
      <c r="D1551" s="44">
        <v>204</v>
      </c>
      <c r="E1551" s="45">
        <v>43.1</v>
      </c>
      <c r="F1551" s="45">
        <v>32.4</v>
      </c>
      <c r="G1551" s="45">
        <v>44.6</v>
      </c>
      <c r="H1551" s="45">
        <v>12.3</v>
      </c>
      <c r="I1551" s="45">
        <v>7.4</v>
      </c>
      <c r="J1551" s="45">
        <v>14.2</v>
      </c>
      <c r="K1551" s="45">
        <v>3.4</v>
      </c>
      <c r="L1551" s="45">
        <v>2.5</v>
      </c>
      <c r="M1551" s="45">
        <v>12.3</v>
      </c>
      <c r="N1551" s="45">
        <v>19.100000000000001</v>
      </c>
      <c r="O1551" s="45">
        <v>2.9</v>
      </c>
      <c r="P1551" s="46">
        <v>2.5</v>
      </c>
    </row>
    <row r="1552" spans="1:25" x14ac:dyDescent="0.2">
      <c r="B1552" s="72"/>
      <c r="C1552" s="38" t="s">
        <v>41</v>
      </c>
      <c r="D1552" s="44">
        <v>54</v>
      </c>
      <c r="E1552" s="45">
        <v>46.3</v>
      </c>
      <c r="F1552" s="45">
        <v>29.6</v>
      </c>
      <c r="G1552" s="45">
        <v>35.200000000000003</v>
      </c>
      <c r="H1552" s="45">
        <v>3.7</v>
      </c>
      <c r="I1552" s="45">
        <v>3.7</v>
      </c>
      <c r="J1552" s="45">
        <v>5.6</v>
      </c>
      <c r="K1552" s="45">
        <v>0</v>
      </c>
      <c r="L1552" s="45">
        <v>0</v>
      </c>
      <c r="M1552" s="45">
        <v>3.7</v>
      </c>
      <c r="N1552" s="45">
        <v>18.5</v>
      </c>
      <c r="O1552" s="45">
        <v>0</v>
      </c>
      <c r="P1552" s="46">
        <v>5.6</v>
      </c>
    </row>
    <row r="1553" spans="1:25" x14ac:dyDescent="0.2">
      <c r="B1553" s="72"/>
      <c r="C1553" s="38" t="s">
        <v>42</v>
      </c>
      <c r="D1553" s="44">
        <v>74</v>
      </c>
      <c r="E1553" s="45">
        <v>50</v>
      </c>
      <c r="F1553" s="45">
        <v>21.6</v>
      </c>
      <c r="G1553" s="45">
        <v>31.1</v>
      </c>
      <c r="H1553" s="45">
        <v>9.5</v>
      </c>
      <c r="I1553" s="45">
        <v>6.8</v>
      </c>
      <c r="J1553" s="45">
        <v>9.5</v>
      </c>
      <c r="K1553" s="45">
        <v>2.7</v>
      </c>
      <c r="L1553" s="45">
        <v>4.0999999999999996</v>
      </c>
      <c r="M1553" s="45">
        <v>4.0999999999999996</v>
      </c>
      <c r="N1553" s="45">
        <v>24.3</v>
      </c>
      <c r="O1553" s="45">
        <v>0</v>
      </c>
      <c r="P1553" s="46">
        <v>6.8</v>
      </c>
    </row>
    <row r="1554" spans="1:25" x14ac:dyDescent="0.2">
      <c r="B1554" s="72"/>
      <c r="C1554" s="38" t="s">
        <v>43</v>
      </c>
      <c r="D1554" s="44">
        <v>74</v>
      </c>
      <c r="E1554" s="45">
        <v>52.7</v>
      </c>
      <c r="F1554" s="45">
        <v>35.1</v>
      </c>
      <c r="G1554" s="45">
        <v>47.3</v>
      </c>
      <c r="H1554" s="45">
        <v>10.8</v>
      </c>
      <c r="I1554" s="45">
        <v>8.1</v>
      </c>
      <c r="J1554" s="45">
        <v>9.5</v>
      </c>
      <c r="K1554" s="45">
        <v>4.0999999999999996</v>
      </c>
      <c r="L1554" s="45">
        <v>4.0999999999999996</v>
      </c>
      <c r="M1554" s="45">
        <v>14.9</v>
      </c>
      <c r="N1554" s="45">
        <v>20.3</v>
      </c>
      <c r="O1554" s="45">
        <v>1.4</v>
      </c>
      <c r="P1554" s="46">
        <v>5.4</v>
      </c>
    </row>
    <row r="1555" spans="1:25" x14ac:dyDescent="0.2">
      <c r="B1555" s="72"/>
      <c r="C1555" s="38" t="s">
        <v>44</v>
      </c>
      <c r="D1555" s="44">
        <v>223</v>
      </c>
      <c r="E1555" s="45">
        <v>48.4</v>
      </c>
      <c r="F1555" s="45">
        <v>30</v>
      </c>
      <c r="G1555" s="45">
        <v>39.9</v>
      </c>
      <c r="H1555" s="45">
        <v>13.9</v>
      </c>
      <c r="I1555" s="45">
        <v>8.1</v>
      </c>
      <c r="J1555" s="45">
        <v>7.2</v>
      </c>
      <c r="K1555" s="45">
        <v>2.2000000000000002</v>
      </c>
      <c r="L1555" s="45">
        <v>3.6</v>
      </c>
      <c r="M1555" s="45">
        <v>9</v>
      </c>
      <c r="N1555" s="45">
        <v>20.2</v>
      </c>
      <c r="O1555" s="45">
        <v>1.8</v>
      </c>
      <c r="P1555" s="46">
        <v>3.1</v>
      </c>
    </row>
    <row r="1556" spans="1:25" x14ac:dyDescent="0.2">
      <c r="B1556" s="72"/>
      <c r="C1556" s="38" t="s">
        <v>45</v>
      </c>
      <c r="D1556" s="44">
        <v>60</v>
      </c>
      <c r="E1556" s="45">
        <v>46.7</v>
      </c>
      <c r="F1556" s="45">
        <v>18.3</v>
      </c>
      <c r="G1556" s="45">
        <v>35</v>
      </c>
      <c r="H1556" s="45">
        <v>10</v>
      </c>
      <c r="I1556" s="45">
        <v>5</v>
      </c>
      <c r="J1556" s="45">
        <v>18.3</v>
      </c>
      <c r="K1556" s="45">
        <v>1.7</v>
      </c>
      <c r="L1556" s="45">
        <v>6.7</v>
      </c>
      <c r="M1556" s="45">
        <v>8.3000000000000007</v>
      </c>
      <c r="N1556" s="45">
        <v>20</v>
      </c>
      <c r="O1556" s="45">
        <v>5</v>
      </c>
      <c r="P1556" s="46">
        <v>6.7</v>
      </c>
    </row>
    <row r="1557" spans="1:25" x14ac:dyDescent="0.2">
      <c r="B1557" s="72"/>
      <c r="C1557" s="38" t="s">
        <v>46</v>
      </c>
      <c r="D1557" s="44">
        <v>29</v>
      </c>
      <c r="E1557" s="45">
        <v>51.7</v>
      </c>
      <c r="F1557" s="45">
        <v>17.2</v>
      </c>
      <c r="G1557" s="45">
        <v>31</v>
      </c>
      <c r="H1557" s="45">
        <v>6.9</v>
      </c>
      <c r="I1557" s="45">
        <v>6.9</v>
      </c>
      <c r="J1557" s="45">
        <v>6.9</v>
      </c>
      <c r="K1557" s="45">
        <v>6.9</v>
      </c>
      <c r="L1557" s="45">
        <v>3.4</v>
      </c>
      <c r="M1557" s="45">
        <v>10.3</v>
      </c>
      <c r="N1557" s="45">
        <v>13.8</v>
      </c>
      <c r="O1557" s="45">
        <v>3.4</v>
      </c>
      <c r="P1557" s="46">
        <v>3.4</v>
      </c>
    </row>
    <row r="1558" spans="1:25" x14ac:dyDescent="0.2">
      <c r="B1558" s="72"/>
      <c r="C1558" s="38" t="s">
        <v>47</v>
      </c>
      <c r="D1558" s="44">
        <v>124</v>
      </c>
      <c r="E1558" s="45">
        <v>46</v>
      </c>
      <c r="F1558" s="45">
        <v>24.2</v>
      </c>
      <c r="G1558" s="45">
        <v>35.5</v>
      </c>
      <c r="H1558" s="45">
        <v>10.5</v>
      </c>
      <c r="I1558" s="45">
        <v>12.1</v>
      </c>
      <c r="J1558" s="45">
        <v>18.5</v>
      </c>
      <c r="K1558" s="45">
        <v>3.2</v>
      </c>
      <c r="L1558" s="45">
        <v>7.3</v>
      </c>
      <c r="M1558" s="45">
        <v>6.5</v>
      </c>
      <c r="N1558" s="45">
        <v>19.399999999999999</v>
      </c>
      <c r="O1558" s="45">
        <v>0.8</v>
      </c>
      <c r="P1558" s="46">
        <v>7.3</v>
      </c>
    </row>
    <row r="1559" spans="1:25" ht="21.6" x14ac:dyDescent="0.2">
      <c r="B1559" s="72"/>
      <c r="C1559" s="39" t="s">
        <v>48</v>
      </c>
      <c r="D1559" s="47">
        <v>638</v>
      </c>
      <c r="E1559" s="48">
        <v>48.4</v>
      </c>
      <c r="F1559" s="48">
        <v>26.8</v>
      </c>
      <c r="G1559" s="48">
        <v>37.6</v>
      </c>
      <c r="H1559" s="48">
        <v>10.8</v>
      </c>
      <c r="I1559" s="48">
        <v>8</v>
      </c>
      <c r="J1559" s="48">
        <v>10.8</v>
      </c>
      <c r="K1559" s="48">
        <v>2.7</v>
      </c>
      <c r="L1559" s="48">
        <v>4.4000000000000004</v>
      </c>
      <c r="M1559" s="48">
        <v>8.1999999999999993</v>
      </c>
      <c r="N1559" s="48">
        <v>20.100000000000001</v>
      </c>
      <c r="O1559" s="48">
        <v>1.6</v>
      </c>
      <c r="P1559" s="49">
        <v>5.2</v>
      </c>
    </row>
    <row r="1560" spans="1:25" x14ac:dyDescent="0.2">
      <c r="B1560" s="7" t="s">
        <v>49</v>
      </c>
      <c r="C1560" s="4" t="s">
        <v>188</v>
      </c>
    </row>
    <row r="1561" spans="1:25" x14ac:dyDescent="0.2">
      <c r="B1561" s="4"/>
      <c r="C1561" s="4" t="s">
        <v>51</v>
      </c>
    </row>
    <row r="1563" spans="1:25" x14ac:dyDescent="0.2">
      <c r="A1563" s="26" t="s">
        <v>25</v>
      </c>
      <c r="B1563" t="s">
        <v>35</v>
      </c>
      <c r="C1563" t="s">
        <v>35</v>
      </c>
    </row>
    <row r="1564" spans="1:25" x14ac:dyDescent="0.2">
      <c r="B1564" s="70" t="s">
        <v>189</v>
      </c>
      <c r="C1564" s="71"/>
      <c r="D1564" s="71"/>
      <c r="E1564" s="71"/>
      <c r="F1564" s="71"/>
      <c r="G1564" s="71"/>
      <c r="H1564" s="71"/>
      <c r="I1564" s="71"/>
      <c r="J1564" s="71"/>
      <c r="K1564" s="71"/>
      <c r="L1564" s="71"/>
      <c r="M1564" s="71"/>
      <c r="N1564" s="71"/>
      <c r="O1564" s="71"/>
      <c r="P1564" s="71"/>
      <c r="Q1564" s="71"/>
      <c r="R1564" s="71"/>
      <c r="S1564" s="71"/>
      <c r="T1564" s="71"/>
      <c r="U1564" s="71"/>
      <c r="V1564" s="71"/>
      <c r="W1564" s="71"/>
      <c r="X1564" s="71"/>
      <c r="Y1564" s="71"/>
    </row>
    <row r="1565" spans="1:25" s="32" customFormat="1" ht="36.450000000000003" customHeight="1" x14ac:dyDescent="0.15">
      <c r="A1565" s="31"/>
      <c r="D1565" s="33" t="s">
        <v>341</v>
      </c>
      <c r="E1565" s="36" t="s">
        <v>592</v>
      </c>
      <c r="F1565" s="51" t="s">
        <v>593</v>
      </c>
      <c r="G1565" s="37" t="s">
        <v>430</v>
      </c>
      <c r="H1565" s="35" t="s">
        <v>344</v>
      </c>
    </row>
    <row r="1566" spans="1:25" x14ac:dyDescent="0.2">
      <c r="B1566" s="5"/>
      <c r="C1566" s="40" t="s">
        <v>38</v>
      </c>
      <c r="D1566" s="41">
        <v>1274</v>
      </c>
      <c r="E1566" s="42">
        <v>84.1</v>
      </c>
      <c r="F1566" s="42">
        <v>41.1</v>
      </c>
      <c r="G1566" s="43">
        <v>4.0999999999999996</v>
      </c>
    </row>
    <row r="1567" spans="1:25" x14ac:dyDescent="0.2">
      <c r="B1567" s="72" t="s">
        <v>37</v>
      </c>
      <c r="C1567" s="38" t="s">
        <v>39</v>
      </c>
      <c r="D1567" s="44">
        <v>432</v>
      </c>
      <c r="E1567" s="45">
        <v>82.2</v>
      </c>
      <c r="F1567" s="45">
        <v>46.8</v>
      </c>
      <c r="G1567" s="46">
        <v>3.2</v>
      </c>
    </row>
    <row r="1568" spans="1:25" x14ac:dyDescent="0.2">
      <c r="B1568" s="72"/>
      <c r="C1568" s="38" t="s">
        <v>40</v>
      </c>
      <c r="D1568" s="44">
        <v>204</v>
      </c>
      <c r="E1568" s="45">
        <v>87.7</v>
      </c>
      <c r="F1568" s="45">
        <v>39.200000000000003</v>
      </c>
      <c r="G1568" s="46">
        <v>2.5</v>
      </c>
    </row>
    <row r="1569" spans="1:25" x14ac:dyDescent="0.2">
      <c r="B1569" s="72"/>
      <c r="C1569" s="38" t="s">
        <v>41</v>
      </c>
      <c r="D1569" s="44">
        <v>54</v>
      </c>
      <c r="E1569" s="45">
        <v>83.3</v>
      </c>
      <c r="F1569" s="45">
        <v>24.1</v>
      </c>
      <c r="G1569" s="46">
        <v>5.6</v>
      </c>
    </row>
    <row r="1570" spans="1:25" x14ac:dyDescent="0.2">
      <c r="B1570" s="72"/>
      <c r="C1570" s="38" t="s">
        <v>42</v>
      </c>
      <c r="D1570" s="44">
        <v>74</v>
      </c>
      <c r="E1570" s="45">
        <v>78.400000000000006</v>
      </c>
      <c r="F1570" s="45">
        <v>39.200000000000003</v>
      </c>
      <c r="G1570" s="46">
        <v>6.8</v>
      </c>
    </row>
    <row r="1571" spans="1:25" x14ac:dyDescent="0.2">
      <c r="B1571" s="72"/>
      <c r="C1571" s="38" t="s">
        <v>43</v>
      </c>
      <c r="D1571" s="44">
        <v>74</v>
      </c>
      <c r="E1571" s="45">
        <v>89.2</v>
      </c>
      <c r="F1571" s="45">
        <v>45.9</v>
      </c>
      <c r="G1571" s="46">
        <v>5.4</v>
      </c>
    </row>
    <row r="1572" spans="1:25" x14ac:dyDescent="0.2">
      <c r="B1572" s="72"/>
      <c r="C1572" s="38" t="s">
        <v>44</v>
      </c>
      <c r="D1572" s="44">
        <v>223</v>
      </c>
      <c r="E1572" s="45">
        <v>86.1</v>
      </c>
      <c r="F1572" s="45">
        <v>37.700000000000003</v>
      </c>
      <c r="G1572" s="46">
        <v>3.1</v>
      </c>
    </row>
    <row r="1573" spans="1:25" x14ac:dyDescent="0.2">
      <c r="B1573" s="72"/>
      <c r="C1573" s="38" t="s">
        <v>45</v>
      </c>
      <c r="D1573" s="44">
        <v>60</v>
      </c>
      <c r="E1573" s="45">
        <v>86.7</v>
      </c>
      <c r="F1573" s="45">
        <v>38.299999999999997</v>
      </c>
      <c r="G1573" s="46">
        <v>6.7</v>
      </c>
    </row>
    <row r="1574" spans="1:25" x14ac:dyDescent="0.2">
      <c r="B1574" s="72"/>
      <c r="C1574" s="38" t="s">
        <v>46</v>
      </c>
      <c r="D1574" s="44">
        <v>29</v>
      </c>
      <c r="E1574" s="45">
        <v>75.900000000000006</v>
      </c>
      <c r="F1574" s="45">
        <v>37.9</v>
      </c>
      <c r="G1574" s="46">
        <v>3.4</v>
      </c>
    </row>
    <row r="1575" spans="1:25" x14ac:dyDescent="0.2">
      <c r="B1575" s="72"/>
      <c r="C1575" s="38" t="s">
        <v>47</v>
      </c>
      <c r="D1575" s="44">
        <v>124</v>
      </c>
      <c r="E1575" s="45">
        <v>82.3</v>
      </c>
      <c r="F1575" s="45">
        <v>37.9</v>
      </c>
      <c r="G1575" s="46">
        <v>7.3</v>
      </c>
    </row>
    <row r="1576" spans="1:25" ht="21.6" x14ac:dyDescent="0.2">
      <c r="B1576" s="72"/>
      <c r="C1576" s="39" t="s">
        <v>48</v>
      </c>
      <c r="D1576" s="47">
        <v>638</v>
      </c>
      <c r="E1576" s="48">
        <v>84.2</v>
      </c>
      <c r="F1576" s="48">
        <v>37.799999999999997</v>
      </c>
      <c r="G1576" s="49">
        <v>5.2</v>
      </c>
    </row>
    <row r="1578" spans="1:25" x14ac:dyDescent="0.2">
      <c r="A1578" s="26" t="s">
        <v>25</v>
      </c>
      <c r="B1578" t="s">
        <v>35</v>
      </c>
      <c r="C1578" t="s">
        <v>35</v>
      </c>
    </row>
    <row r="1579" spans="1:25" x14ac:dyDescent="0.2">
      <c r="B1579" s="70" t="s">
        <v>190</v>
      </c>
      <c r="C1579" s="71"/>
      <c r="D1579" s="71"/>
      <c r="E1579" s="71"/>
      <c r="F1579" s="71"/>
      <c r="G1579" s="71"/>
      <c r="H1579" s="71"/>
      <c r="I1579" s="71"/>
      <c r="J1579" s="71"/>
      <c r="K1579" s="71"/>
      <c r="L1579" s="71"/>
      <c r="M1579" s="71"/>
      <c r="N1579" s="71"/>
      <c r="O1579" s="71"/>
      <c r="P1579" s="71"/>
      <c r="Q1579" s="71"/>
      <c r="R1579" s="71"/>
      <c r="S1579" s="71"/>
      <c r="T1579" s="71"/>
      <c r="U1579" s="71"/>
      <c r="V1579" s="71"/>
      <c r="W1579" s="71"/>
      <c r="X1579" s="71"/>
      <c r="Y1579" s="71"/>
    </row>
    <row r="1580" spans="1:25" s="32" customFormat="1" ht="58.05" customHeight="1" x14ac:dyDescent="0.15">
      <c r="A1580" s="31"/>
      <c r="D1580" s="33" t="s">
        <v>341</v>
      </c>
      <c r="E1580" s="36" t="s">
        <v>594</v>
      </c>
      <c r="F1580" s="51" t="s">
        <v>595</v>
      </c>
      <c r="G1580" s="37" t="s">
        <v>443</v>
      </c>
      <c r="H1580" s="35" t="s">
        <v>344</v>
      </c>
    </row>
    <row r="1581" spans="1:25" x14ac:dyDescent="0.2">
      <c r="B1581" s="5"/>
      <c r="C1581" s="40" t="s">
        <v>38</v>
      </c>
      <c r="D1581" s="41">
        <v>4307</v>
      </c>
      <c r="E1581" s="42">
        <v>68.900000000000006</v>
      </c>
      <c r="F1581" s="42">
        <v>25.3</v>
      </c>
      <c r="G1581" s="43">
        <v>5.9</v>
      </c>
    </row>
    <row r="1582" spans="1:25" x14ac:dyDescent="0.2">
      <c r="B1582" s="72" t="s">
        <v>37</v>
      </c>
      <c r="C1582" s="38" t="s">
        <v>39</v>
      </c>
      <c r="D1582" s="44">
        <v>1325</v>
      </c>
      <c r="E1582" s="45">
        <v>69.7</v>
      </c>
      <c r="F1582" s="45">
        <v>25.7</v>
      </c>
      <c r="G1582" s="46">
        <v>4.5999999999999996</v>
      </c>
    </row>
    <row r="1583" spans="1:25" x14ac:dyDescent="0.2">
      <c r="B1583" s="72"/>
      <c r="C1583" s="38" t="s">
        <v>40</v>
      </c>
      <c r="D1583" s="44">
        <v>675</v>
      </c>
      <c r="E1583" s="45">
        <v>67</v>
      </c>
      <c r="F1583" s="45">
        <v>26.5</v>
      </c>
      <c r="G1583" s="46">
        <v>6.5</v>
      </c>
    </row>
    <row r="1584" spans="1:25" x14ac:dyDescent="0.2">
      <c r="B1584" s="72"/>
      <c r="C1584" s="38" t="s">
        <v>41</v>
      </c>
      <c r="D1584" s="44">
        <v>168</v>
      </c>
      <c r="E1584" s="45">
        <v>64.3</v>
      </c>
      <c r="F1584" s="45">
        <v>29.8</v>
      </c>
      <c r="G1584" s="46">
        <v>6</v>
      </c>
    </row>
    <row r="1585" spans="1:25" x14ac:dyDescent="0.2">
      <c r="B1585" s="72"/>
      <c r="C1585" s="38" t="s">
        <v>42</v>
      </c>
      <c r="D1585" s="44">
        <v>290</v>
      </c>
      <c r="E1585" s="45">
        <v>69.7</v>
      </c>
      <c r="F1585" s="45">
        <v>22.4</v>
      </c>
      <c r="G1585" s="46">
        <v>7.9</v>
      </c>
    </row>
    <row r="1586" spans="1:25" x14ac:dyDescent="0.2">
      <c r="B1586" s="72"/>
      <c r="C1586" s="38" t="s">
        <v>43</v>
      </c>
      <c r="D1586" s="44">
        <v>231</v>
      </c>
      <c r="E1586" s="45">
        <v>72.7</v>
      </c>
      <c r="F1586" s="45">
        <v>22.9</v>
      </c>
      <c r="G1586" s="46">
        <v>4.3</v>
      </c>
    </row>
    <row r="1587" spans="1:25" x14ac:dyDescent="0.2">
      <c r="B1587" s="72"/>
      <c r="C1587" s="38" t="s">
        <v>44</v>
      </c>
      <c r="D1587" s="44">
        <v>800</v>
      </c>
      <c r="E1587" s="45">
        <v>71.900000000000006</v>
      </c>
      <c r="F1587" s="45">
        <v>22.5</v>
      </c>
      <c r="G1587" s="46">
        <v>5.6</v>
      </c>
    </row>
    <row r="1588" spans="1:25" x14ac:dyDescent="0.2">
      <c r="B1588" s="72"/>
      <c r="C1588" s="38" t="s">
        <v>45</v>
      </c>
      <c r="D1588" s="44">
        <v>240</v>
      </c>
      <c r="E1588" s="45">
        <v>65.8</v>
      </c>
      <c r="F1588" s="45">
        <v>26.3</v>
      </c>
      <c r="G1588" s="46">
        <v>7.9</v>
      </c>
    </row>
    <row r="1589" spans="1:25" x14ac:dyDescent="0.2">
      <c r="B1589" s="72"/>
      <c r="C1589" s="38" t="s">
        <v>46</v>
      </c>
      <c r="D1589" s="44">
        <v>117</v>
      </c>
      <c r="E1589" s="45">
        <v>70.099999999999994</v>
      </c>
      <c r="F1589" s="45">
        <v>24.8</v>
      </c>
      <c r="G1589" s="46">
        <v>5.0999999999999996</v>
      </c>
    </row>
    <row r="1590" spans="1:25" x14ac:dyDescent="0.2">
      <c r="B1590" s="72"/>
      <c r="C1590" s="38" t="s">
        <v>47</v>
      </c>
      <c r="D1590" s="44">
        <v>461</v>
      </c>
      <c r="E1590" s="45">
        <v>64.400000000000006</v>
      </c>
      <c r="F1590" s="45">
        <v>28.2</v>
      </c>
      <c r="G1590" s="46">
        <v>7.4</v>
      </c>
    </row>
    <row r="1591" spans="1:25" ht="21.6" x14ac:dyDescent="0.2">
      <c r="B1591" s="72"/>
      <c r="C1591" s="39" t="s">
        <v>48</v>
      </c>
      <c r="D1591" s="47">
        <v>2307</v>
      </c>
      <c r="E1591" s="48">
        <v>68.900000000000006</v>
      </c>
      <c r="F1591" s="48">
        <v>24.7</v>
      </c>
      <c r="G1591" s="49">
        <v>6.4</v>
      </c>
    </row>
    <row r="1592" spans="1:25" x14ac:dyDescent="0.2">
      <c r="B1592" s="7" t="s">
        <v>49</v>
      </c>
      <c r="C1592" s="4" t="s">
        <v>191</v>
      </c>
    </row>
    <row r="1593" spans="1:25" x14ac:dyDescent="0.2">
      <c r="B1593" s="4"/>
      <c r="C1593" s="4" t="s">
        <v>51</v>
      </c>
    </row>
    <row r="1595" spans="1:25" x14ac:dyDescent="0.2">
      <c r="A1595" s="26" t="s">
        <v>25</v>
      </c>
      <c r="B1595" t="s">
        <v>35</v>
      </c>
      <c r="C1595" t="s">
        <v>35</v>
      </c>
    </row>
    <row r="1596" spans="1:25" x14ac:dyDescent="0.2">
      <c r="B1596" s="70" t="s">
        <v>192</v>
      </c>
      <c r="C1596" s="71"/>
      <c r="D1596" s="71"/>
      <c r="E1596" s="71"/>
      <c r="F1596" s="71"/>
      <c r="G1596" s="71"/>
      <c r="H1596" s="71"/>
      <c r="I1596" s="71"/>
      <c r="J1596" s="71"/>
      <c r="K1596" s="71"/>
      <c r="L1596" s="71"/>
      <c r="M1596" s="71"/>
      <c r="N1596" s="71"/>
      <c r="O1596" s="71"/>
      <c r="P1596" s="71"/>
      <c r="Q1596" s="71"/>
      <c r="R1596" s="71"/>
      <c r="S1596" s="71"/>
      <c r="T1596" s="71"/>
      <c r="U1596" s="71"/>
      <c r="V1596" s="71"/>
      <c r="W1596" s="71"/>
      <c r="X1596" s="71"/>
      <c r="Y1596" s="71"/>
    </row>
    <row r="1597" spans="1:25" s="32" customFormat="1" ht="79.650000000000006" customHeight="1" x14ac:dyDescent="0.15">
      <c r="A1597" s="31"/>
      <c r="D1597" s="33" t="s">
        <v>341</v>
      </c>
      <c r="E1597" s="36" t="s">
        <v>596</v>
      </c>
      <c r="F1597" s="51" t="s">
        <v>597</v>
      </c>
      <c r="G1597" s="37" t="s">
        <v>598</v>
      </c>
      <c r="H1597" s="35" t="s">
        <v>344</v>
      </c>
    </row>
    <row r="1598" spans="1:25" x14ac:dyDescent="0.2">
      <c r="B1598" s="5"/>
      <c r="C1598" s="40" t="s">
        <v>38</v>
      </c>
      <c r="D1598" s="41">
        <v>921</v>
      </c>
      <c r="E1598" s="42">
        <v>28.7</v>
      </c>
      <c r="F1598" s="42">
        <v>66.3</v>
      </c>
      <c r="G1598" s="43">
        <v>5</v>
      </c>
    </row>
    <row r="1599" spans="1:25" x14ac:dyDescent="0.2">
      <c r="B1599" s="72" t="s">
        <v>37</v>
      </c>
      <c r="C1599" s="38" t="s">
        <v>39</v>
      </c>
      <c r="D1599" s="44">
        <v>305</v>
      </c>
      <c r="E1599" s="45">
        <v>26.6</v>
      </c>
      <c r="F1599" s="45">
        <v>70.8</v>
      </c>
      <c r="G1599" s="46">
        <v>2.6</v>
      </c>
    </row>
    <row r="1600" spans="1:25" x14ac:dyDescent="0.2">
      <c r="B1600" s="72"/>
      <c r="C1600" s="38" t="s">
        <v>40</v>
      </c>
      <c r="D1600" s="44">
        <v>143</v>
      </c>
      <c r="E1600" s="45">
        <v>28.7</v>
      </c>
      <c r="F1600" s="45">
        <v>66.400000000000006</v>
      </c>
      <c r="G1600" s="46">
        <v>4.9000000000000004</v>
      </c>
    </row>
    <row r="1601" spans="1:25" x14ac:dyDescent="0.2">
      <c r="B1601" s="72"/>
      <c r="C1601" s="38" t="s">
        <v>41</v>
      </c>
      <c r="D1601" s="44">
        <v>39</v>
      </c>
      <c r="E1601" s="45">
        <v>23.1</v>
      </c>
      <c r="F1601" s="45">
        <v>66.7</v>
      </c>
      <c r="G1601" s="46">
        <v>10.3</v>
      </c>
    </row>
    <row r="1602" spans="1:25" x14ac:dyDescent="0.2">
      <c r="B1602" s="72"/>
      <c r="C1602" s="38" t="s">
        <v>42</v>
      </c>
      <c r="D1602" s="44">
        <v>53</v>
      </c>
      <c r="E1602" s="45">
        <v>22.6</v>
      </c>
      <c r="F1602" s="45">
        <v>71.7</v>
      </c>
      <c r="G1602" s="46">
        <v>5.7</v>
      </c>
    </row>
    <row r="1603" spans="1:25" x14ac:dyDescent="0.2">
      <c r="B1603" s="72"/>
      <c r="C1603" s="38" t="s">
        <v>43</v>
      </c>
      <c r="D1603" s="44">
        <v>61</v>
      </c>
      <c r="E1603" s="45">
        <v>26.2</v>
      </c>
      <c r="F1603" s="45">
        <v>68.900000000000006</v>
      </c>
      <c r="G1603" s="46">
        <v>4.9000000000000004</v>
      </c>
    </row>
    <row r="1604" spans="1:25" x14ac:dyDescent="0.2">
      <c r="B1604" s="72"/>
      <c r="C1604" s="38" t="s">
        <v>44</v>
      </c>
      <c r="D1604" s="44">
        <v>168</v>
      </c>
      <c r="E1604" s="45">
        <v>31</v>
      </c>
      <c r="F1604" s="45">
        <v>62.5</v>
      </c>
      <c r="G1604" s="46">
        <v>6.5</v>
      </c>
    </row>
    <row r="1605" spans="1:25" x14ac:dyDescent="0.2">
      <c r="B1605" s="72"/>
      <c r="C1605" s="38" t="s">
        <v>45</v>
      </c>
      <c r="D1605" s="44">
        <v>47</v>
      </c>
      <c r="E1605" s="45">
        <v>42.6</v>
      </c>
      <c r="F1605" s="45">
        <v>51.1</v>
      </c>
      <c r="G1605" s="46">
        <v>6.4</v>
      </c>
    </row>
    <row r="1606" spans="1:25" x14ac:dyDescent="0.2">
      <c r="B1606" s="72"/>
      <c r="C1606" s="38" t="s">
        <v>46</v>
      </c>
      <c r="D1606" s="44">
        <v>20</v>
      </c>
      <c r="E1606" s="45">
        <v>15</v>
      </c>
      <c r="F1606" s="45">
        <v>70</v>
      </c>
      <c r="G1606" s="46">
        <v>15</v>
      </c>
    </row>
    <row r="1607" spans="1:25" x14ac:dyDescent="0.2">
      <c r="B1607" s="72"/>
      <c r="C1607" s="38" t="s">
        <v>47</v>
      </c>
      <c r="D1607" s="44">
        <v>85</v>
      </c>
      <c r="E1607" s="45">
        <v>35.299999999999997</v>
      </c>
      <c r="F1607" s="45">
        <v>60</v>
      </c>
      <c r="G1607" s="46">
        <v>4.7</v>
      </c>
    </row>
    <row r="1608" spans="1:25" ht="21.6" x14ac:dyDescent="0.2">
      <c r="B1608" s="72"/>
      <c r="C1608" s="39" t="s">
        <v>48</v>
      </c>
      <c r="D1608" s="47">
        <v>473</v>
      </c>
      <c r="E1608" s="48">
        <v>30</v>
      </c>
      <c r="F1608" s="48">
        <v>63.4</v>
      </c>
      <c r="G1608" s="49">
        <v>6.6</v>
      </c>
    </row>
    <row r="1609" spans="1:25" x14ac:dyDescent="0.2">
      <c r="B1609" s="7" t="s">
        <v>49</v>
      </c>
      <c r="C1609" s="4" t="s">
        <v>193</v>
      </c>
    </row>
    <row r="1610" spans="1:25" x14ac:dyDescent="0.2">
      <c r="B1610" s="4"/>
      <c r="C1610" s="4" t="s">
        <v>51</v>
      </c>
    </row>
    <row r="1612" spans="1:25" x14ac:dyDescent="0.2">
      <c r="A1612" s="26" t="s">
        <v>25</v>
      </c>
      <c r="B1612" t="s">
        <v>35</v>
      </c>
      <c r="C1612" t="s">
        <v>35</v>
      </c>
    </row>
    <row r="1613" spans="1:25" x14ac:dyDescent="0.2">
      <c r="B1613" s="70" t="s">
        <v>194</v>
      </c>
      <c r="C1613" s="71"/>
      <c r="D1613" s="71"/>
      <c r="E1613" s="71"/>
      <c r="F1613" s="71"/>
      <c r="G1613" s="71"/>
      <c r="H1613" s="71"/>
      <c r="I1613" s="71"/>
      <c r="J1613" s="71"/>
      <c r="K1613" s="71"/>
      <c r="L1613" s="71"/>
      <c r="M1613" s="71"/>
      <c r="N1613" s="71"/>
      <c r="O1613" s="71"/>
      <c r="P1613" s="71"/>
      <c r="Q1613" s="71"/>
      <c r="R1613" s="71"/>
      <c r="S1613" s="71"/>
      <c r="T1613" s="71"/>
      <c r="U1613" s="71"/>
      <c r="V1613" s="71"/>
      <c r="W1613" s="71"/>
      <c r="X1613" s="71"/>
      <c r="Y1613" s="71"/>
    </row>
    <row r="1614" spans="1:25" s="32" customFormat="1" ht="79.650000000000006" customHeight="1" x14ac:dyDescent="0.15">
      <c r="A1614" s="31"/>
      <c r="D1614" s="33" t="s">
        <v>341</v>
      </c>
      <c r="E1614" s="36" t="s">
        <v>596</v>
      </c>
      <c r="F1614" s="51" t="s">
        <v>597</v>
      </c>
      <c r="G1614" s="51" t="s">
        <v>598</v>
      </c>
      <c r="H1614" s="37" t="s">
        <v>599</v>
      </c>
      <c r="I1614" s="35" t="s">
        <v>344</v>
      </c>
    </row>
    <row r="1615" spans="1:25" x14ac:dyDescent="0.2">
      <c r="B1615" s="5"/>
      <c r="C1615" s="40" t="s">
        <v>38</v>
      </c>
      <c r="D1615" s="41">
        <v>2966</v>
      </c>
      <c r="E1615" s="42">
        <v>8.9</v>
      </c>
      <c r="F1615" s="42">
        <v>20.6</v>
      </c>
      <c r="G1615" s="42">
        <v>1.6</v>
      </c>
      <c r="H1615" s="43">
        <v>68.900000000000006</v>
      </c>
    </row>
    <row r="1616" spans="1:25" x14ac:dyDescent="0.2">
      <c r="B1616" s="72" t="s">
        <v>37</v>
      </c>
      <c r="C1616" s="38" t="s">
        <v>39</v>
      </c>
      <c r="D1616" s="44">
        <v>924</v>
      </c>
      <c r="E1616" s="45">
        <v>8.8000000000000007</v>
      </c>
      <c r="F1616" s="45">
        <v>23.4</v>
      </c>
      <c r="G1616" s="45">
        <v>0.9</v>
      </c>
      <c r="H1616" s="46">
        <v>67</v>
      </c>
    </row>
    <row r="1617" spans="1:25" x14ac:dyDescent="0.2">
      <c r="B1617" s="72"/>
      <c r="C1617" s="38" t="s">
        <v>40</v>
      </c>
      <c r="D1617" s="44">
        <v>452</v>
      </c>
      <c r="E1617" s="45">
        <v>9.1</v>
      </c>
      <c r="F1617" s="45">
        <v>21</v>
      </c>
      <c r="G1617" s="45">
        <v>1.5</v>
      </c>
      <c r="H1617" s="46">
        <v>68.400000000000006</v>
      </c>
    </row>
    <row r="1618" spans="1:25" x14ac:dyDescent="0.2">
      <c r="B1618" s="72"/>
      <c r="C1618" s="38" t="s">
        <v>41</v>
      </c>
      <c r="D1618" s="44">
        <v>108</v>
      </c>
      <c r="E1618" s="45">
        <v>8.3000000000000007</v>
      </c>
      <c r="F1618" s="45">
        <v>24.1</v>
      </c>
      <c r="G1618" s="45">
        <v>3.7</v>
      </c>
      <c r="H1618" s="46">
        <v>63.9</v>
      </c>
    </row>
    <row r="1619" spans="1:25" x14ac:dyDescent="0.2">
      <c r="B1619" s="72"/>
      <c r="C1619" s="38" t="s">
        <v>42</v>
      </c>
      <c r="D1619" s="44">
        <v>202</v>
      </c>
      <c r="E1619" s="45">
        <v>5.9</v>
      </c>
      <c r="F1619" s="45">
        <v>18.8</v>
      </c>
      <c r="G1619" s="45">
        <v>1.5</v>
      </c>
      <c r="H1619" s="46">
        <v>73.8</v>
      </c>
    </row>
    <row r="1620" spans="1:25" x14ac:dyDescent="0.2">
      <c r="B1620" s="72"/>
      <c r="C1620" s="38" t="s">
        <v>43</v>
      </c>
      <c r="D1620" s="44">
        <v>168</v>
      </c>
      <c r="E1620" s="45">
        <v>9.5</v>
      </c>
      <c r="F1620" s="45">
        <v>25</v>
      </c>
      <c r="G1620" s="45">
        <v>1.8</v>
      </c>
      <c r="H1620" s="46">
        <v>63.7</v>
      </c>
    </row>
    <row r="1621" spans="1:25" x14ac:dyDescent="0.2">
      <c r="B1621" s="72"/>
      <c r="C1621" s="38" t="s">
        <v>44</v>
      </c>
      <c r="D1621" s="44">
        <v>575</v>
      </c>
      <c r="E1621" s="45">
        <v>9</v>
      </c>
      <c r="F1621" s="45">
        <v>18.3</v>
      </c>
      <c r="G1621" s="45">
        <v>1.9</v>
      </c>
      <c r="H1621" s="46">
        <v>70.8</v>
      </c>
    </row>
    <row r="1622" spans="1:25" x14ac:dyDescent="0.2">
      <c r="B1622" s="72"/>
      <c r="C1622" s="38" t="s">
        <v>45</v>
      </c>
      <c r="D1622" s="44">
        <v>158</v>
      </c>
      <c r="E1622" s="45">
        <v>12.7</v>
      </c>
      <c r="F1622" s="45">
        <v>15.2</v>
      </c>
      <c r="G1622" s="45">
        <v>1.9</v>
      </c>
      <c r="H1622" s="46">
        <v>70.3</v>
      </c>
    </row>
    <row r="1623" spans="1:25" x14ac:dyDescent="0.2">
      <c r="B1623" s="72"/>
      <c r="C1623" s="38" t="s">
        <v>46</v>
      </c>
      <c r="D1623" s="44">
        <v>82</v>
      </c>
      <c r="E1623" s="45">
        <v>3.7</v>
      </c>
      <c r="F1623" s="45">
        <v>17.100000000000001</v>
      </c>
      <c r="G1623" s="45">
        <v>3.7</v>
      </c>
      <c r="H1623" s="46">
        <v>75.599999999999994</v>
      </c>
    </row>
    <row r="1624" spans="1:25" x14ac:dyDescent="0.2">
      <c r="B1624" s="72"/>
      <c r="C1624" s="38" t="s">
        <v>47</v>
      </c>
      <c r="D1624" s="44">
        <v>297</v>
      </c>
      <c r="E1624" s="45">
        <v>10.1</v>
      </c>
      <c r="F1624" s="45">
        <v>17.2</v>
      </c>
      <c r="G1624" s="45">
        <v>1.3</v>
      </c>
      <c r="H1624" s="46">
        <v>71.400000000000006</v>
      </c>
    </row>
    <row r="1625" spans="1:25" ht="21.6" x14ac:dyDescent="0.2">
      <c r="B1625" s="72"/>
      <c r="C1625" s="39" t="s">
        <v>48</v>
      </c>
      <c r="D1625" s="47">
        <v>1590</v>
      </c>
      <c r="E1625" s="48">
        <v>8.9</v>
      </c>
      <c r="F1625" s="48">
        <v>18.899999999999999</v>
      </c>
      <c r="G1625" s="48">
        <v>1.9</v>
      </c>
      <c r="H1625" s="49">
        <v>70.3</v>
      </c>
    </row>
    <row r="1627" spans="1:25" x14ac:dyDescent="0.2">
      <c r="A1627" s="26" t="s">
        <v>25</v>
      </c>
      <c r="B1627" t="s">
        <v>35</v>
      </c>
      <c r="C1627" t="s">
        <v>35</v>
      </c>
    </row>
    <row r="1628" spans="1:25" x14ac:dyDescent="0.2">
      <c r="B1628" s="70" t="s">
        <v>195</v>
      </c>
      <c r="C1628" s="71"/>
      <c r="D1628" s="71"/>
      <c r="E1628" s="71"/>
      <c r="F1628" s="71"/>
      <c r="G1628" s="71"/>
      <c r="H1628" s="71"/>
      <c r="I1628" s="71"/>
      <c r="J1628" s="71"/>
      <c r="K1628" s="71"/>
      <c r="L1628" s="71"/>
      <c r="M1628" s="71"/>
      <c r="N1628" s="71"/>
      <c r="O1628" s="71"/>
      <c r="P1628" s="71"/>
      <c r="Q1628" s="71"/>
      <c r="R1628" s="71"/>
      <c r="S1628" s="71"/>
      <c r="T1628" s="71"/>
      <c r="U1628" s="71"/>
      <c r="V1628" s="71"/>
      <c r="W1628" s="71"/>
      <c r="X1628" s="71"/>
      <c r="Y1628" s="71"/>
    </row>
    <row r="1629" spans="1:25" s="32" customFormat="1" ht="58.05" customHeight="1" x14ac:dyDescent="0.15">
      <c r="A1629" s="31"/>
      <c r="D1629" s="33" t="s">
        <v>341</v>
      </c>
      <c r="E1629" s="36" t="s">
        <v>566</v>
      </c>
      <c r="F1629" s="51" t="s">
        <v>567</v>
      </c>
      <c r="G1629" s="51" t="s">
        <v>568</v>
      </c>
      <c r="H1629" s="51" t="s">
        <v>569</v>
      </c>
      <c r="I1629" s="51" t="s">
        <v>570</v>
      </c>
      <c r="J1629" s="51" t="s">
        <v>571</v>
      </c>
      <c r="K1629" s="51" t="s">
        <v>572</v>
      </c>
      <c r="L1629" s="37" t="s">
        <v>443</v>
      </c>
      <c r="M1629" s="35" t="s">
        <v>344</v>
      </c>
    </row>
    <row r="1630" spans="1:25" x14ac:dyDescent="0.2">
      <c r="B1630" s="5"/>
      <c r="C1630" s="40" t="s">
        <v>38</v>
      </c>
      <c r="D1630" s="41">
        <v>264</v>
      </c>
      <c r="E1630" s="42">
        <v>49.6</v>
      </c>
      <c r="F1630" s="42">
        <v>15.9</v>
      </c>
      <c r="G1630" s="42">
        <v>6.1</v>
      </c>
      <c r="H1630" s="42">
        <v>1.9</v>
      </c>
      <c r="I1630" s="42">
        <v>1.5</v>
      </c>
      <c r="J1630" s="42">
        <v>0</v>
      </c>
      <c r="K1630" s="42">
        <v>0</v>
      </c>
      <c r="L1630" s="43">
        <v>25</v>
      </c>
    </row>
    <row r="1631" spans="1:25" x14ac:dyDescent="0.2">
      <c r="B1631" s="72" t="s">
        <v>37</v>
      </c>
      <c r="C1631" s="38" t="s">
        <v>39</v>
      </c>
      <c r="D1631" s="44">
        <v>81</v>
      </c>
      <c r="E1631" s="45">
        <v>50.6</v>
      </c>
      <c r="F1631" s="45">
        <v>16</v>
      </c>
      <c r="G1631" s="45">
        <v>6.2</v>
      </c>
      <c r="H1631" s="45">
        <v>0</v>
      </c>
      <c r="I1631" s="45">
        <v>1.2</v>
      </c>
      <c r="J1631" s="45">
        <v>0</v>
      </c>
      <c r="K1631" s="45">
        <v>0</v>
      </c>
      <c r="L1631" s="46">
        <v>25.9</v>
      </c>
    </row>
    <row r="1632" spans="1:25" x14ac:dyDescent="0.2">
      <c r="B1632" s="72"/>
      <c r="C1632" s="38" t="s">
        <v>40</v>
      </c>
      <c r="D1632" s="44">
        <v>41</v>
      </c>
      <c r="E1632" s="45">
        <v>34.1</v>
      </c>
      <c r="F1632" s="45">
        <v>19.5</v>
      </c>
      <c r="G1632" s="45">
        <v>7.3</v>
      </c>
      <c r="H1632" s="45">
        <v>4.9000000000000004</v>
      </c>
      <c r="I1632" s="45">
        <v>2.4</v>
      </c>
      <c r="J1632" s="45">
        <v>0</v>
      </c>
      <c r="K1632" s="45">
        <v>0</v>
      </c>
      <c r="L1632" s="46">
        <v>31.7</v>
      </c>
    </row>
    <row r="1633" spans="1:25" x14ac:dyDescent="0.2">
      <c r="B1633" s="72"/>
      <c r="C1633" s="38" t="s">
        <v>41</v>
      </c>
      <c r="D1633" s="44">
        <v>9</v>
      </c>
      <c r="E1633" s="45">
        <v>33.299999999999997</v>
      </c>
      <c r="F1633" s="45">
        <v>22.2</v>
      </c>
      <c r="G1633" s="45">
        <v>0</v>
      </c>
      <c r="H1633" s="45">
        <v>0</v>
      </c>
      <c r="I1633" s="45">
        <v>0</v>
      </c>
      <c r="J1633" s="45">
        <v>0</v>
      </c>
      <c r="K1633" s="45">
        <v>0</v>
      </c>
      <c r="L1633" s="46">
        <v>44.4</v>
      </c>
    </row>
    <row r="1634" spans="1:25" x14ac:dyDescent="0.2">
      <c r="B1634" s="72"/>
      <c r="C1634" s="38" t="s">
        <v>42</v>
      </c>
      <c r="D1634" s="44">
        <v>12</v>
      </c>
      <c r="E1634" s="45">
        <v>66.7</v>
      </c>
      <c r="F1634" s="45">
        <v>0</v>
      </c>
      <c r="G1634" s="45">
        <v>0</v>
      </c>
      <c r="H1634" s="45">
        <v>0</v>
      </c>
      <c r="I1634" s="45">
        <v>0</v>
      </c>
      <c r="J1634" s="45">
        <v>0</v>
      </c>
      <c r="K1634" s="45">
        <v>0</v>
      </c>
      <c r="L1634" s="46">
        <v>33.299999999999997</v>
      </c>
    </row>
    <row r="1635" spans="1:25" x14ac:dyDescent="0.2">
      <c r="B1635" s="72"/>
      <c r="C1635" s="38" t="s">
        <v>43</v>
      </c>
      <c r="D1635" s="44">
        <v>16</v>
      </c>
      <c r="E1635" s="45">
        <v>56.3</v>
      </c>
      <c r="F1635" s="45">
        <v>18.8</v>
      </c>
      <c r="G1635" s="45">
        <v>0</v>
      </c>
      <c r="H1635" s="45">
        <v>0</v>
      </c>
      <c r="I1635" s="45">
        <v>0</v>
      </c>
      <c r="J1635" s="45">
        <v>0</v>
      </c>
      <c r="K1635" s="45">
        <v>0</v>
      </c>
      <c r="L1635" s="46">
        <v>25</v>
      </c>
    </row>
    <row r="1636" spans="1:25" x14ac:dyDescent="0.2">
      <c r="B1636" s="72"/>
      <c r="C1636" s="38" t="s">
        <v>44</v>
      </c>
      <c r="D1636" s="44">
        <v>52</v>
      </c>
      <c r="E1636" s="45">
        <v>51.9</v>
      </c>
      <c r="F1636" s="45">
        <v>15.4</v>
      </c>
      <c r="G1636" s="45">
        <v>9.6</v>
      </c>
      <c r="H1636" s="45">
        <v>1.9</v>
      </c>
      <c r="I1636" s="45">
        <v>1.9</v>
      </c>
      <c r="J1636" s="45">
        <v>0</v>
      </c>
      <c r="K1636" s="45">
        <v>0</v>
      </c>
      <c r="L1636" s="46">
        <v>19.2</v>
      </c>
    </row>
    <row r="1637" spans="1:25" x14ac:dyDescent="0.2">
      <c r="B1637" s="72"/>
      <c r="C1637" s="38" t="s">
        <v>45</v>
      </c>
      <c r="D1637" s="44">
        <v>20</v>
      </c>
      <c r="E1637" s="45">
        <v>60</v>
      </c>
      <c r="F1637" s="45">
        <v>10</v>
      </c>
      <c r="G1637" s="45">
        <v>10</v>
      </c>
      <c r="H1637" s="45">
        <v>5</v>
      </c>
      <c r="I1637" s="45">
        <v>0</v>
      </c>
      <c r="J1637" s="45">
        <v>0</v>
      </c>
      <c r="K1637" s="45">
        <v>0</v>
      </c>
      <c r="L1637" s="46">
        <v>15</v>
      </c>
    </row>
    <row r="1638" spans="1:25" x14ac:dyDescent="0.2">
      <c r="B1638" s="72"/>
      <c r="C1638" s="38" t="s">
        <v>46</v>
      </c>
      <c r="D1638" s="44">
        <v>3</v>
      </c>
      <c r="E1638" s="45">
        <v>33.299999999999997</v>
      </c>
      <c r="F1638" s="45">
        <v>33.299999999999997</v>
      </c>
      <c r="G1638" s="45">
        <v>0</v>
      </c>
      <c r="H1638" s="45">
        <v>0</v>
      </c>
      <c r="I1638" s="45">
        <v>33.299999999999997</v>
      </c>
      <c r="J1638" s="45">
        <v>0</v>
      </c>
      <c r="K1638" s="45">
        <v>0</v>
      </c>
      <c r="L1638" s="46">
        <v>0</v>
      </c>
    </row>
    <row r="1639" spans="1:25" x14ac:dyDescent="0.2">
      <c r="B1639" s="72"/>
      <c r="C1639" s="38" t="s">
        <v>47</v>
      </c>
      <c r="D1639" s="44">
        <v>30</v>
      </c>
      <c r="E1639" s="45">
        <v>53.3</v>
      </c>
      <c r="F1639" s="45">
        <v>16.7</v>
      </c>
      <c r="G1639" s="45">
        <v>3.3</v>
      </c>
      <c r="H1639" s="45">
        <v>3.3</v>
      </c>
      <c r="I1639" s="45">
        <v>0</v>
      </c>
      <c r="J1639" s="45">
        <v>0</v>
      </c>
      <c r="K1639" s="45">
        <v>0</v>
      </c>
      <c r="L1639" s="46">
        <v>23.3</v>
      </c>
    </row>
    <row r="1640" spans="1:25" ht="21.6" x14ac:dyDescent="0.2">
      <c r="B1640" s="72"/>
      <c r="C1640" s="39" t="s">
        <v>48</v>
      </c>
      <c r="D1640" s="47">
        <v>142</v>
      </c>
      <c r="E1640" s="48">
        <v>53.5</v>
      </c>
      <c r="F1640" s="48">
        <v>14.8</v>
      </c>
      <c r="G1640" s="48">
        <v>5.6</v>
      </c>
      <c r="H1640" s="48">
        <v>2.1</v>
      </c>
      <c r="I1640" s="48">
        <v>1.4</v>
      </c>
      <c r="J1640" s="48">
        <v>0</v>
      </c>
      <c r="K1640" s="48">
        <v>0</v>
      </c>
      <c r="L1640" s="49">
        <v>22.5</v>
      </c>
    </row>
    <row r="1642" spans="1:25" x14ac:dyDescent="0.2">
      <c r="A1642" s="26" t="s">
        <v>25</v>
      </c>
      <c r="B1642" t="s">
        <v>35</v>
      </c>
      <c r="C1642" t="s">
        <v>35</v>
      </c>
    </row>
    <row r="1643" spans="1:25" x14ac:dyDescent="0.2">
      <c r="B1643" s="70" t="s">
        <v>196</v>
      </c>
      <c r="C1643" s="71"/>
      <c r="D1643" s="71"/>
      <c r="E1643" s="71"/>
      <c r="F1643" s="71"/>
      <c r="G1643" s="71"/>
      <c r="H1643" s="71"/>
      <c r="I1643" s="71"/>
      <c r="J1643" s="71"/>
      <c r="K1643" s="71"/>
      <c r="L1643" s="71"/>
      <c r="M1643" s="71"/>
      <c r="N1643" s="71"/>
      <c r="O1643" s="71"/>
      <c r="P1643" s="71"/>
      <c r="Q1643" s="71"/>
      <c r="R1643" s="71"/>
      <c r="S1643" s="71"/>
      <c r="T1643" s="71"/>
      <c r="U1643" s="71"/>
      <c r="V1643" s="71"/>
      <c r="W1643" s="71"/>
      <c r="X1643" s="71"/>
      <c r="Y1643" s="71"/>
    </row>
    <row r="1644" spans="1:25" s="32" customFormat="1" ht="90.45" customHeight="1" x14ac:dyDescent="0.15">
      <c r="A1644" s="31"/>
      <c r="D1644" s="33" t="s">
        <v>341</v>
      </c>
      <c r="E1644" s="36" t="s">
        <v>600</v>
      </c>
      <c r="F1644" s="51" t="s">
        <v>601</v>
      </c>
      <c r="G1644" s="37" t="s">
        <v>443</v>
      </c>
      <c r="H1644" s="35" t="s">
        <v>344</v>
      </c>
    </row>
    <row r="1645" spans="1:25" x14ac:dyDescent="0.2">
      <c r="B1645" s="5"/>
      <c r="C1645" s="40" t="s">
        <v>38</v>
      </c>
      <c r="D1645" s="41">
        <v>264</v>
      </c>
      <c r="E1645" s="42">
        <v>77.7</v>
      </c>
      <c r="F1645" s="42">
        <v>15.2</v>
      </c>
      <c r="G1645" s="43">
        <v>7.2</v>
      </c>
    </row>
    <row r="1646" spans="1:25" x14ac:dyDescent="0.2">
      <c r="B1646" s="72" t="s">
        <v>37</v>
      </c>
      <c r="C1646" s="38" t="s">
        <v>39</v>
      </c>
      <c r="D1646" s="44">
        <v>81</v>
      </c>
      <c r="E1646" s="45">
        <v>79</v>
      </c>
      <c r="F1646" s="45">
        <v>13.6</v>
      </c>
      <c r="G1646" s="46">
        <v>7.4</v>
      </c>
    </row>
    <row r="1647" spans="1:25" x14ac:dyDescent="0.2">
      <c r="B1647" s="72"/>
      <c r="C1647" s="38" t="s">
        <v>40</v>
      </c>
      <c r="D1647" s="44">
        <v>41</v>
      </c>
      <c r="E1647" s="45">
        <v>80.5</v>
      </c>
      <c r="F1647" s="45">
        <v>17.100000000000001</v>
      </c>
      <c r="G1647" s="46">
        <v>2.4</v>
      </c>
    </row>
    <row r="1648" spans="1:25" x14ac:dyDescent="0.2">
      <c r="B1648" s="72"/>
      <c r="C1648" s="38" t="s">
        <v>41</v>
      </c>
      <c r="D1648" s="44">
        <v>9</v>
      </c>
      <c r="E1648" s="45">
        <v>66.7</v>
      </c>
      <c r="F1648" s="45">
        <v>22.2</v>
      </c>
      <c r="G1648" s="46">
        <v>11.1</v>
      </c>
    </row>
    <row r="1649" spans="1:25" x14ac:dyDescent="0.2">
      <c r="B1649" s="72"/>
      <c r="C1649" s="38" t="s">
        <v>42</v>
      </c>
      <c r="D1649" s="44">
        <v>12</v>
      </c>
      <c r="E1649" s="45">
        <v>66.7</v>
      </c>
      <c r="F1649" s="45">
        <v>25</v>
      </c>
      <c r="G1649" s="46">
        <v>8.3000000000000007</v>
      </c>
    </row>
    <row r="1650" spans="1:25" x14ac:dyDescent="0.2">
      <c r="B1650" s="72"/>
      <c r="C1650" s="38" t="s">
        <v>43</v>
      </c>
      <c r="D1650" s="44">
        <v>16</v>
      </c>
      <c r="E1650" s="45">
        <v>87.5</v>
      </c>
      <c r="F1650" s="45">
        <v>0</v>
      </c>
      <c r="G1650" s="46">
        <v>12.5</v>
      </c>
    </row>
    <row r="1651" spans="1:25" x14ac:dyDescent="0.2">
      <c r="B1651" s="72"/>
      <c r="C1651" s="38" t="s">
        <v>44</v>
      </c>
      <c r="D1651" s="44">
        <v>52</v>
      </c>
      <c r="E1651" s="45">
        <v>75</v>
      </c>
      <c r="F1651" s="45">
        <v>17.3</v>
      </c>
      <c r="G1651" s="46">
        <v>7.7</v>
      </c>
    </row>
    <row r="1652" spans="1:25" x14ac:dyDescent="0.2">
      <c r="B1652" s="72"/>
      <c r="C1652" s="38" t="s">
        <v>45</v>
      </c>
      <c r="D1652" s="44">
        <v>20</v>
      </c>
      <c r="E1652" s="45">
        <v>85</v>
      </c>
      <c r="F1652" s="45">
        <v>10</v>
      </c>
      <c r="G1652" s="46">
        <v>5</v>
      </c>
    </row>
    <row r="1653" spans="1:25" x14ac:dyDescent="0.2">
      <c r="B1653" s="72"/>
      <c r="C1653" s="38" t="s">
        <v>46</v>
      </c>
      <c r="D1653" s="44">
        <v>3</v>
      </c>
      <c r="E1653" s="45">
        <v>66.7</v>
      </c>
      <c r="F1653" s="45">
        <v>33.299999999999997</v>
      </c>
      <c r="G1653" s="46">
        <v>0</v>
      </c>
    </row>
    <row r="1654" spans="1:25" x14ac:dyDescent="0.2">
      <c r="B1654" s="72"/>
      <c r="C1654" s="38" t="s">
        <v>47</v>
      </c>
      <c r="D1654" s="44">
        <v>30</v>
      </c>
      <c r="E1654" s="45">
        <v>73.3</v>
      </c>
      <c r="F1654" s="45">
        <v>16.7</v>
      </c>
      <c r="G1654" s="46">
        <v>10</v>
      </c>
    </row>
    <row r="1655" spans="1:25" ht="21.6" x14ac:dyDescent="0.2">
      <c r="B1655" s="72"/>
      <c r="C1655" s="39" t="s">
        <v>48</v>
      </c>
      <c r="D1655" s="47">
        <v>142</v>
      </c>
      <c r="E1655" s="48">
        <v>76.099999999999994</v>
      </c>
      <c r="F1655" s="48">
        <v>15.5</v>
      </c>
      <c r="G1655" s="49">
        <v>8.5</v>
      </c>
    </row>
    <row r="1656" spans="1:25" x14ac:dyDescent="0.2">
      <c r="B1656" s="7" t="s">
        <v>49</v>
      </c>
      <c r="C1656" s="4" t="s">
        <v>197</v>
      </c>
    </row>
    <row r="1657" spans="1:25" x14ac:dyDescent="0.2">
      <c r="B1657" s="4"/>
      <c r="C1657" s="4" t="s">
        <v>51</v>
      </c>
    </row>
    <row r="1659" spans="1:25" x14ac:dyDescent="0.2">
      <c r="A1659" s="26" t="s">
        <v>25</v>
      </c>
      <c r="B1659" t="s">
        <v>35</v>
      </c>
      <c r="C1659" t="s">
        <v>35</v>
      </c>
    </row>
    <row r="1660" spans="1:25" x14ac:dyDescent="0.2">
      <c r="B1660" s="70" t="s">
        <v>198</v>
      </c>
      <c r="C1660" s="71"/>
      <c r="D1660" s="71"/>
      <c r="E1660" s="71"/>
      <c r="F1660" s="71"/>
      <c r="G1660" s="71"/>
      <c r="H1660" s="71"/>
      <c r="I1660" s="71"/>
      <c r="J1660" s="71"/>
      <c r="K1660" s="71"/>
      <c r="L1660" s="71"/>
      <c r="M1660" s="71"/>
      <c r="N1660" s="71"/>
      <c r="O1660" s="71"/>
      <c r="P1660" s="71"/>
      <c r="Q1660" s="71"/>
      <c r="R1660" s="71"/>
      <c r="S1660" s="71"/>
      <c r="T1660" s="71"/>
      <c r="U1660" s="71"/>
      <c r="V1660" s="71"/>
      <c r="W1660" s="71"/>
      <c r="X1660" s="71"/>
      <c r="Y1660" s="71"/>
    </row>
    <row r="1661" spans="1:25" s="32" customFormat="1" ht="79.650000000000006" customHeight="1" x14ac:dyDescent="0.15">
      <c r="A1661" s="31"/>
      <c r="D1661" s="33" t="s">
        <v>341</v>
      </c>
      <c r="E1661" s="36" t="s">
        <v>602</v>
      </c>
      <c r="F1661" s="51" t="s">
        <v>603</v>
      </c>
      <c r="G1661" s="51" t="s">
        <v>604</v>
      </c>
      <c r="H1661" s="51" t="s">
        <v>587</v>
      </c>
      <c r="I1661" s="51" t="s">
        <v>588</v>
      </c>
      <c r="J1661" s="51" t="s">
        <v>605</v>
      </c>
      <c r="K1661" s="37" t="s">
        <v>430</v>
      </c>
      <c r="L1661" s="35" t="s">
        <v>344</v>
      </c>
    </row>
    <row r="1662" spans="1:25" x14ac:dyDescent="0.2">
      <c r="B1662" s="5"/>
      <c r="C1662" s="40" t="s">
        <v>38</v>
      </c>
      <c r="D1662" s="41">
        <v>205</v>
      </c>
      <c r="E1662" s="42">
        <v>20</v>
      </c>
      <c r="F1662" s="42">
        <v>10.7</v>
      </c>
      <c r="G1662" s="42">
        <v>36.6</v>
      </c>
      <c r="H1662" s="42">
        <v>5.9</v>
      </c>
      <c r="I1662" s="42">
        <v>3.4</v>
      </c>
      <c r="J1662" s="42">
        <v>18.5</v>
      </c>
      <c r="K1662" s="43">
        <v>4.9000000000000004</v>
      </c>
    </row>
    <row r="1663" spans="1:25" x14ac:dyDescent="0.2">
      <c r="B1663" s="72" t="s">
        <v>37</v>
      </c>
      <c r="C1663" s="38" t="s">
        <v>39</v>
      </c>
      <c r="D1663" s="44">
        <v>64</v>
      </c>
      <c r="E1663" s="45">
        <v>25</v>
      </c>
      <c r="F1663" s="45">
        <v>9.4</v>
      </c>
      <c r="G1663" s="45">
        <v>32.799999999999997</v>
      </c>
      <c r="H1663" s="45">
        <v>3.1</v>
      </c>
      <c r="I1663" s="45">
        <v>6.3</v>
      </c>
      <c r="J1663" s="45">
        <v>18.8</v>
      </c>
      <c r="K1663" s="46">
        <v>4.7</v>
      </c>
    </row>
    <row r="1664" spans="1:25" x14ac:dyDescent="0.2">
      <c r="B1664" s="72"/>
      <c r="C1664" s="38" t="s">
        <v>40</v>
      </c>
      <c r="D1664" s="44">
        <v>33</v>
      </c>
      <c r="E1664" s="45">
        <v>21.2</v>
      </c>
      <c r="F1664" s="45">
        <v>6.1</v>
      </c>
      <c r="G1664" s="45">
        <v>42.4</v>
      </c>
      <c r="H1664" s="45">
        <v>6.1</v>
      </c>
      <c r="I1664" s="45">
        <v>0</v>
      </c>
      <c r="J1664" s="45">
        <v>21.2</v>
      </c>
      <c r="K1664" s="46">
        <v>3</v>
      </c>
    </row>
    <row r="1665" spans="1:25" x14ac:dyDescent="0.2">
      <c r="B1665" s="72"/>
      <c r="C1665" s="38" t="s">
        <v>41</v>
      </c>
      <c r="D1665" s="44">
        <v>6</v>
      </c>
      <c r="E1665" s="45">
        <v>16.7</v>
      </c>
      <c r="F1665" s="45">
        <v>16.7</v>
      </c>
      <c r="G1665" s="45">
        <v>16.7</v>
      </c>
      <c r="H1665" s="45">
        <v>0</v>
      </c>
      <c r="I1665" s="45">
        <v>0</v>
      </c>
      <c r="J1665" s="45">
        <v>50</v>
      </c>
      <c r="K1665" s="46">
        <v>0</v>
      </c>
    </row>
    <row r="1666" spans="1:25" x14ac:dyDescent="0.2">
      <c r="B1666" s="72"/>
      <c r="C1666" s="38" t="s">
        <v>42</v>
      </c>
      <c r="D1666" s="44">
        <v>8</v>
      </c>
      <c r="E1666" s="45">
        <v>12.5</v>
      </c>
      <c r="F1666" s="45">
        <v>25</v>
      </c>
      <c r="G1666" s="45">
        <v>62.5</v>
      </c>
      <c r="H1666" s="45">
        <v>0</v>
      </c>
      <c r="I1666" s="45">
        <v>0</v>
      </c>
      <c r="J1666" s="45">
        <v>0</v>
      </c>
      <c r="K1666" s="46">
        <v>0</v>
      </c>
    </row>
    <row r="1667" spans="1:25" x14ac:dyDescent="0.2">
      <c r="B1667" s="72"/>
      <c r="C1667" s="38" t="s">
        <v>43</v>
      </c>
      <c r="D1667" s="44">
        <v>14</v>
      </c>
      <c r="E1667" s="45">
        <v>21.4</v>
      </c>
      <c r="F1667" s="45">
        <v>14.3</v>
      </c>
      <c r="G1667" s="45">
        <v>21.4</v>
      </c>
      <c r="H1667" s="45">
        <v>14.3</v>
      </c>
      <c r="I1667" s="45">
        <v>0</v>
      </c>
      <c r="J1667" s="45">
        <v>21.4</v>
      </c>
      <c r="K1667" s="46">
        <v>7.1</v>
      </c>
    </row>
    <row r="1668" spans="1:25" x14ac:dyDescent="0.2">
      <c r="B1668" s="72"/>
      <c r="C1668" s="38" t="s">
        <v>44</v>
      </c>
      <c r="D1668" s="44">
        <v>39</v>
      </c>
      <c r="E1668" s="45">
        <v>20.5</v>
      </c>
      <c r="F1668" s="45">
        <v>15.4</v>
      </c>
      <c r="G1668" s="45">
        <v>43.6</v>
      </c>
      <c r="H1668" s="45">
        <v>7.7</v>
      </c>
      <c r="I1668" s="45">
        <v>0</v>
      </c>
      <c r="J1668" s="45">
        <v>7.7</v>
      </c>
      <c r="K1668" s="46">
        <v>5.0999999999999996</v>
      </c>
    </row>
    <row r="1669" spans="1:25" x14ac:dyDescent="0.2">
      <c r="B1669" s="72"/>
      <c r="C1669" s="38" t="s">
        <v>45</v>
      </c>
      <c r="D1669" s="44">
        <v>17</v>
      </c>
      <c r="E1669" s="45">
        <v>0</v>
      </c>
      <c r="F1669" s="45">
        <v>11.8</v>
      </c>
      <c r="G1669" s="45">
        <v>35.299999999999997</v>
      </c>
      <c r="H1669" s="45">
        <v>0</v>
      </c>
      <c r="I1669" s="45">
        <v>11.8</v>
      </c>
      <c r="J1669" s="45">
        <v>23.5</v>
      </c>
      <c r="K1669" s="46">
        <v>17.600000000000001</v>
      </c>
    </row>
    <row r="1670" spans="1:25" x14ac:dyDescent="0.2">
      <c r="B1670" s="72"/>
      <c r="C1670" s="38" t="s">
        <v>46</v>
      </c>
      <c r="D1670" s="44">
        <v>2</v>
      </c>
      <c r="E1670" s="45">
        <v>0</v>
      </c>
      <c r="F1670" s="45">
        <v>0</v>
      </c>
      <c r="G1670" s="45">
        <v>0</v>
      </c>
      <c r="H1670" s="45">
        <v>100</v>
      </c>
      <c r="I1670" s="45">
        <v>0</v>
      </c>
      <c r="J1670" s="45">
        <v>0</v>
      </c>
      <c r="K1670" s="46">
        <v>0</v>
      </c>
    </row>
    <row r="1671" spans="1:25" x14ac:dyDescent="0.2">
      <c r="B1671" s="72"/>
      <c r="C1671" s="38" t="s">
        <v>47</v>
      </c>
      <c r="D1671" s="44">
        <v>22</v>
      </c>
      <c r="E1671" s="45">
        <v>22.7</v>
      </c>
      <c r="F1671" s="45">
        <v>4.5</v>
      </c>
      <c r="G1671" s="45">
        <v>36.4</v>
      </c>
      <c r="H1671" s="45">
        <v>4.5</v>
      </c>
      <c r="I1671" s="45">
        <v>4.5</v>
      </c>
      <c r="J1671" s="45">
        <v>27.3</v>
      </c>
      <c r="K1671" s="46">
        <v>0</v>
      </c>
    </row>
    <row r="1672" spans="1:25" ht="21.6" x14ac:dyDescent="0.2">
      <c r="B1672" s="72"/>
      <c r="C1672" s="39" t="s">
        <v>48</v>
      </c>
      <c r="D1672" s="47">
        <v>108</v>
      </c>
      <c r="E1672" s="48">
        <v>16.7</v>
      </c>
      <c r="F1672" s="48">
        <v>13</v>
      </c>
      <c r="G1672" s="48">
        <v>37</v>
      </c>
      <c r="H1672" s="48">
        <v>7.4</v>
      </c>
      <c r="I1672" s="48">
        <v>2.8</v>
      </c>
      <c r="J1672" s="48">
        <v>17.600000000000001</v>
      </c>
      <c r="K1672" s="49">
        <v>5.6</v>
      </c>
    </row>
    <row r="1673" spans="1:25" x14ac:dyDescent="0.2">
      <c r="B1673" s="7" t="s">
        <v>49</v>
      </c>
      <c r="C1673" s="4" t="s">
        <v>199</v>
      </c>
    </row>
    <row r="1674" spans="1:25" x14ac:dyDescent="0.2">
      <c r="B1674" s="4"/>
      <c r="C1674" s="4" t="s">
        <v>51</v>
      </c>
    </row>
    <row r="1676" spans="1:25" x14ac:dyDescent="0.2">
      <c r="A1676" s="26" t="s">
        <v>25</v>
      </c>
      <c r="B1676" t="s">
        <v>35</v>
      </c>
      <c r="C1676" t="s">
        <v>35</v>
      </c>
    </row>
    <row r="1677" spans="1:25" x14ac:dyDescent="0.2">
      <c r="B1677" s="70" t="s">
        <v>200</v>
      </c>
      <c r="C1677" s="71"/>
      <c r="D1677" s="71"/>
      <c r="E1677" s="71"/>
      <c r="F1677" s="71"/>
      <c r="G1677" s="71"/>
      <c r="H1677" s="71"/>
      <c r="I1677" s="71"/>
      <c r="J1677" s="71"/>
      <c r="K1677" s="71"/>
      <c r="L1677" s="71"/>
      <c r="M1677" s="71"/>
      <c r="N1677" s="71"/>
      <c r="O1677" s="71"/>
      <c r="P1677" s="71"/>
      <c r="Q1677" s="71"/>
      <c r="R1677" s="71"/>
      <c r="S1677" s="71"/>
      <c r="T1677" s="71"/>
      <c r="U1677" s="71"/>
      <c r="V1677" s="71"/>
      <c r="W1677" s="71"/>
      <c r="X1677" s="71"/>
      <c r="Y1677" s="71"/>
    </row>
    <row r="1678" spans="1:25" s="32" customFormat="1" ht="36.450000000000003" customHeight="1" x14ac:dyDescent="0.15">
      <c r="A1678" s="31"/>
      <c r="D1678" s="33" t="s">
        <v>341</v>
      </c>
      <c r="E1678" s="36" t="s">
        <v>592</v>
      </c>
      <c r="F1678" s="51" t="s">
        <v>593</v>
      </c>
      <c r="G1678" s="37" t="s">
        <v>430</v>
      </c>
      <c r="H1678" s="35" t="s">
        <v>344</v>
      </c>
    </row>
    <row r="1679" spans="1:25" x14ac:dyDescent="0.2">
      <c r="B1679" s="5"/>
      <c r="C1679" s="40" t="s">
        <v>38</v>
      </c>
      <c r="D1679" s="41">
        <v>205</v>
      </c>
      <c r="E1679" s="42">
        <v>67.3</v>
      </c>
      <c r="F1679" s="42">
        <v>27.8</v>
      </c>
      <c r="G1679" s="43">
        <v>4.9000000000000004</v>
      </c>
    </row>
    <row r="1680" spans="1:25" x14ac:dyDescent="0.2">
      <c r="B1680" s="72" t="s">
        <v>37</v>
      </c>
      <c r="C1680" s="38" t="s">
        <v>39</v>
      </c>
      <c r="D1680" s="44">
        <v>64</v>
      </c>
      <c r="E1680" s="45">
        <v>67.2</v>
      </c>
      <c r="F1680" s="45">
        <v>28.1</v>
      </c>
      <c r="G1680" s="46">
        <v>4.7</v>
      </c>
    </row>
    <row r="1681" spans="1:25" x14ac:dyDescent="0.2">
      <c r="B1681" s="72"/>
      <c r="C1681" s="38" t="s">
        <v>40</v>
      </c>
      <c r="D1681" s="44">
        <v>33</v>
      </c>
      <c r="E1681" s="45">
        <v>69.7</v>
      </c>
      <c r="F1681" s="45">
        <v>27.3</v>
      </c>
      <c r="G1681" s="46">
        <v>3</v>
      </c>
    </row>
    <row r="1682" spans="1:25" x14ac:dyDescent="0.2">
      <c r="B1682" s="72"/>
      <c r="C1682" s="38" t="s">
        <v>41</v>
      </c>
      <c r="D1682" s="44">
        <v>6</v>
      </c>
      <c r="E1682" s="45">
        <v>50</v>
      </c>
      <c r="F1682" s="45">
        <v>50</v>
      </c>
      <c r="G1682" s="46">
        <v>0</v>
      </c>
    </row>
    <row r="1683" spans="1:25" x14ac:dyDescent="0.2">
      <c r="B1683" s="72"/>
      <c r="C1683" s="38" t="s">
        <v>42</v>
      </c>
      <c r="D1683" s="44">
        <v>8</v>
      </c>
      <c r="E1683" s="45">
        <v>100</v>
      </c>
      <c r="F1683" s="45">
        <v>0</v>
      </c>
      <c r="G1683" s="46">
        <v>0</v>
      </c>
    </row>
    <row r="1684" spans="1:25" x14ac:dyDescent="0.2">
      <c r="B1684" s="72"/>
      <c r="C1684" s="38" t="s">
        <v>43</v>
      </c>
      <c r="D1684" s="44">
        <v>14</v>
      </c>
      <c r="E1684" s="45">
        <v>57.1</v>
      </c>
      <c r="F1684" s="45">
        <v>35.700000000000003</v>
      </c>
      <c r="G1684" s="46">
        <v>7.1</v>
      </c>
    </row>
    <row r="1685" spans="1:25" x14ac:dyDescent="0.2">
      <c r="B1685" s="72"/>
      <c r="C1685" s="38" t="s">
        <v>44</v>
      </c>
      <c r="D1685" s="44">
        <v>39</v>
      </c>
      <c r="E1685" s="45">
        <v>79.5</v>
      </c>
      <c r="F1685" s="45">
        <v>15.4</v>
      </c>
      <c r="G1685" s="46">
        <v>5.0999999999999996</v>
      </c>
    </row>
    <row r="1686" spans="1:25" x14ac:dyDescent="0.2">
      <c r="B1686" s="72"/>
      <c r="C1686" s="38" t="s">
        <v>45</v>
      </c>
      <c r="D1686" s="44">
        <v>17</v>
      </c>
      <c r="E1686" s="45">
        <v>47.1</v>
      </c>
      <c r="F1686" s="45">
        <v>35.299999999999997</v>
      </c>
      <c r="G1686" s="46">
        <v>17.600000000000001</v>
      </c>
    </row>
    <row r="1687" spans="1:25" x14ac:dyDescent="0.2">
      <c r="B1687" s="72"/>
      <c r="C1687" s="38" t="s">
        <v>46</v>
      </c>
      <c r="D1687" s="44">
        <v>2</v>
      </c>
      <c r="E1687" s="45">
        <v>0</v>
      </c>
      <c r="F1687" s="45">
        <v>100</v>
      </c>
      <c r="G1687" s="46">
        <v>0</v>
      </c>
    </row>
    <row r="1688" spans="1:25" x14ac:dyDescent="0.2">
      <c r="B1688" s="72"/>
      <c r="C1688" s="38" t="s">
        <v>47</v>
      </c>
      <c r="D1688" s="44">
        <v>22</v>
      </c>
      <c r="E1688" s="45">
        <v>63.6</v>
      </c>
      <c r="F1688" s="45">
        <v>36.4</v>
      </c>
      <c r="G1688" s="46">
        <v>0</v>
      </c>
    </row>
    <row r="1689" spans="1:25" ht="21.6" x14ac:dyDescent="0.2">
      <c r="B1689" s="72"/>
      <c r="C1689" s="39" t="s">
        <v>48</v>
      </c>
      <c r="D1689" s="47">
        <v>108</v>
      </c>
      <c r="E1689" s="48">
        <v>66.7</v>
      </c>
      <c r="F1689" s="48">
        <v>27.8</v>
      </c>
      <c r="G1689" s="49">
        <v>5.6</v>
      </c>
    </row>
    <row r="1691" spans="1:25" x14ac:dyDescent="0.2">
      <c r="A1691" s="26" t="s">
        <v>25</v>
      </c>
      <c r="B1691" t="s">
        <v>35</v>
      </c>
      <c r="C1691" t="s">
        <v>35</v>
      </c>
    </row>
    <row r="1692" spans="1:25" x14ac:dyDescent="0.2">
      <c r="B1692" s="70" t="s">
        <v>201</v>
      </c>
      <c r="C1692" s="71"/>
      <c r="D1692" s="71"/>
      <c r="E1692" s="71"/>
      <c r="F1692" s="71"/>
      <c r="G1692" s="71"/>
      <c r="H1692" s="71"/>
      <c r="I1692" s="71"/>
      <c r="J1692" s="71"/>
      <c r="K1692" s="71"/>
      <c r="L1692" s="71"/>
      <c r="M1692" s="71"/>
      <c r="N1692" s="71"/>
      <c r="O1692" s="71"/>
      <c r="P1692" s="71"/>
      <c r="Q1692" s="71"/>
      <c r="R1692" s="71"/>
      <c r="S1692" s="71"/>
      <c r="T1692" s="71"/>
      <c r="U1692" s="71"/>
      <c r="V1692" s="71"/>
      <c r="W1692" s="71"/>
      <c r="X1692" s="71"/>
      <c r="Y1692" s="71"/>
    </row>
    <row r="1693" spans="1:25" s="32" customFormat="1" ht="36.450000000000003" customHeight="1" x14ac:dyDescent="0.15">
      <c r="A1693" s="31"/>
      <c r="D1693" s="33" t="s">
        <v>341</v>
      </c>
      <c r="E1693" s="36" t="s">
        <v>606</v>
      </c>
      <c r="F1693" s="37" t="s">
        <v>607</v>
      </c>
      <c r="G1693" s="35" t="s">
        <v>344</v>
      </c>
    </row>
    <row r="1694" spans="1:25" x14ac:dyDescent="0.2">
      <c r="B1694" s="5"/>
      <c r="C1694" s="40" t="s">
        <v>38</v>
      </c>
      <c r="D1694" s="41">
        <v>4307</v>
      </c>
      <c r="E1694" s="42">
        <v>65.8</v>
      </c>
      <c r="F1694" s="43">
        <v>34.200000000000003</v>
      </c>
    </row>
    <row r="1695" spans="1:25" x14ac:dyDescent="0.2">
      <c r="B1695" s="72" t="s">
        <v>37</v>
      </c>
      <c r="C1695" s="38" t="s">
        <v>39</v>
      </c>
      <c r="D1695" s="44">
        <v>1325</v>
      </c>
      <c r="E1695" s="45">
        <v>67.900000000000006</v>
      </c>
      <c r="F1695" s="46">
        <v>32.1</v>
      </c>
    </row>
    <row r="1696" spans="1:25" x14ac:dyDescent="0.2">
      <c r="B1696" s="72"/>
      <c r="C1696" s="38" t="s">
        <v>40</v>
      </c>
      <c r="D1696" s="44">
        <v>675</v>
      </c>
      <c r="E1696" s="45">
        <v>63.7</v>
      </c>
      <c r="F1696" s="46">
        <v>36.299999999999997</v>
      </c>
    </row>
    <row r="1697" spans="1:25" x14ac:dyDescent="0.2">
      <c r="B1697" s="72"/>
      <c r="C1697" s="38" t="s">
        <v>41</v>
      </c>
      <c r="D1697" s="44">
        <v>168</v>
      </c>
      <c r="E1697" s="45">
        <v>66.099999999999994</v>
      </c>
      <c r="F1697" s="46">
        <v>33.9</v>
      </c>
    </row>
    <row r="1698" spans="1:25" x14ac:dyDescent="0.2">
      <c r="B1698" s="72"/>
      <c r="C1698" s="38" t="s">
        <v>42</v>
      </c>
      <c r="D1698" s="44">
        <v>290</v>
      </c>
      <c r="E1698" s="45">
        <v>62.4</v>
      </c>
      <c r="F1698" s="46">
        <v>37.6</v>
      </c>
    </row>
    <row r="1699" spans="1:25" x14ac:dyDescent="0.2">
      <c r="B1699" s="72"/>
      <c r="C1699" s="38" t="s">
        <v>43</v>
      </c>
      <c r="D1699" s="44">
        <v>231</v>
      </c>
      <c r="E1699" s="45">
        <v>67.099999999999994</v>
      </c>
      <c r="F1699" s="46">
        <v>32.9</v>
      </c>
    </row>
    <row r="1700" spans="1:25" x14ac:dyDescent="0.2">
      <c r="B1700" s="72"/>
      <c r="C1700" s="38" t="s">
        <v>44</v>
      </c>
      <c r="D1700" s="44">
        <v>800</v>
      </c>
      <c r="E1700" s="45">
        <v>66.400000000000006</v>
      </c>
      <c r="F1700" s="46">
        <v>33.6</v>
      </c>
    </row>
    <row r="1701" spans="1:25" x14ac:dyDescent="0.2">
      <c r="B1701" s="72"/>
      <c r="C1701" s="38" t="s">
        <v>45</v>
      </c>
      <c r="D1701" s="44">
        <v>240</v>
      </c>
      <c r="E1701" s="45">
        <v>67.099999999999994</v>
      </c>
      <c r="F1701" s="46">
        <v>32.9</v>
      </c>
    </row>
    <row r="1702" spans="1:25" x14ac:dyDescent="0.2">
      <c r="B1702" s="72"/>
      <c r="C1702" s="38" t="s">
        <v>46</v>
      </c>
      <c r="D1702" s="44">
        <v>117</v>
      </c>
      <c r="E1702" s="45">
        <v>65</v>
      </c>
      <c r="F1702" s="46">
        <v>35</v>
      </c>
    </row>
    <row r="1703" spans="1:25" x14ac:dyDescent="0.2">
      <c r="B1703" s="72"/>
      <c r="C1703" s="38" t="s">
        <v>47</v>
      </c>
      <c r="D1703" s="44">
        <v>461</v>
      </c>
      <c r="E1703" s="45">
        <v>62.9</v>
      </c>
      <c r="F1703" s="46">
        <v>37.1</v>
      </c>
    </row>
    <row r="1704" spans="1:25" ht="21.6" x14ac:dyDescent="0.2">
      <c r="B1704" s="72"/>
      <c r="C1704" s="39" t="s">
        <v>48</v>
      </c>
      <c r="D1704" s="47">
        <v>2307</v>
      </c>
      <c r="E1704" s="48">
        <v>65.2</v>
      </c>
      <c r="F1704" s="49">
        <v>34.799999999999997</v>
      </c>
    </row>
    <row r="1705" spans="1:25" x14ac:dyDescent="0.2">
      <c r="B1705" s="7" t="s">
        <v>49</v>
      </c>
      <c r="C1705" s="4" t="s">
        <v>202</v>
      </c>
    </row>
    <row r="1706" spans="1:25" x14ac:dyDescent="0.2">
      <c r="B1706" s="4"/>
      <c r="C1706" s="4" t="s">
        <v>51</v>
      </c>
    </row>
    <row r="1708" spans="1:25" x14ac:dyDescent="0.2">
      <c r="A1708" s="26" t="s">
        <v>25</v>
      </c>
      <c r="B1708" t="s">
        <v>35</v>
      </c>
      <c r="C1708" t="s">
        <v>35</v>
      </c>
    </row>
    <row r="1709" spans="1:25" x14ac:dyDescent="0.2">
      <c r="B1709" s="70" t="s">
        <v>203</v>
      </c>
      <c r="C1709" s="71"/>
      <c r="D1709" s="71"/>
      <c r="E1709" s="71"/>
      <c r="F1709" s="71"/>
      <c r="G1709" s="71"/>
      <c r="H1709" s="71"/>
      <c r="I1709" s="71"/>
      <c r="J1709" s="71"/>
      <c r="K1709" s="71"/>
      <c r="L1709" s="71"/>
      <c r="M1709" s="71"/>
      <c r="N1709" s="71"/>
      <c r="O1709" s="71"/>
      <c r="P1709" s="71"/>
      <c r="Q1709" s="71"/>
      <c r="R1709" s="71"/>
      <c r="S1709" s="71"/>
      <c r="T1709" s="71"/>
      <c r="U1709" s="71"/>
      <c r="V1709" s="71"/>
      <c r="W1709" s="71"/>
      <c r="X1709" s="71"/>
      <c r="Y1709" s="71"/>
    </row>
    <row r="1710" spans="1:25" s="32" customFormat="1" ht="36.450000000000003" customHeight="1" x14ac:dyDescent="0.15">
      <c r="A1710" s="31"/>
      <c r="D1710" s="33" t="s">
        <v>341</v>
      </c>
      <c r="E1710" s="36" t="s">
        <v>606</v>
      </c>
      <c r="F1710" s="37" t="s">
        <v>607</v>
      </c>
      <c r="G1710" s="35" t="s">
        <v>344</v>
      </c>
    </row>
    <row r="1711" spans="1:25" x14ac:dyDescent="0.2">
      <c r="B1711" s="5"/>
      <c r="C1711" s="40" t="s">
        <v>38</v>
      </c>
      <c r="D1711" s="41">
        <v>4307</v>
      </c>
      <c r="E1711" s="42">
        <v>61.7</v>
      </c>
      <c r="F1711" s="43">
        <v>38.299999999999997</v>
      </c>
    </row>
    <row r="1712" spans="1:25" x14ac:dyDescent="0.2">
      <c r="B1712" s="72" t="s">
        <v>37</v>
      </c>
      <c r="C1712" s="38" t="s">
        <v>39</v>
      </c>
      <c r="D1712" s="44">
        <v>1325</v>
      </c>
      <c r="E1712" s="45">
        <v>64.900000000000006</v>
      </c>
      <c r="F1712" s="46">
        <v>35.1</v>
      </c>
    </row>
    <row r="1713" spans="1:25" x14ac:dyDescent="0.2">
      <c r="B1713" s="72"/>
      <c r="C1713" s="38" t="s">
        <v>40</v>
      </c>
      <c r="D1713" s="44">
        <v>675</v>
      </c>
      <c r="E1713" s="45">
        <v>60.6</v>
      </c>
      <c r="F1713" s="46">
        <v>39.4</v>
      </c>
    </row>
    <row r="1714" spans="1:25" x14ac:dyDescent="0.2">
      <c r="B1714" s="72"/>
      <c r="C1714" s="38" t="s">
        <v>41</v>
      </c>
      <c r="D1714" s="44">
        <v>168</v>
      </c>
      <c r="E1714" s="45">
        <v>61.3</v>
      </c>
      <c r="F1714" s="46">
        <v>38.700000000000003</v>
      </c>
    </row>
    <row r="1715" spans="1:25" x14ac:dyDescent="0.2">
      <c r="B1715" s="72"/>
      <c r="C1715" s="38" t="s">
        <v>42</v>
      </c>
      <c r="D1715" s="44">
        <v>290</v>
      </c>
      <c r="E1715" s="45">
        <v>55.9</v>
      </c>
      <c r="F1715" s="46">
        <v>44.1</v>
      </c>
    </row>
    <row r="1716" spans="1:25" x14ac:dyDescent="0.2">
      <c r="B1716" s="72"/>
      <c r="C1716" s="38" t="s">
        <v>43</v>
      </c>
      <c r="D1716" s="44">
        <v>231</v>
      </c>
      <c r="E1716" s="45">
        <v>62.3</v>
      </c>
      <c r="F1716" s="46">
        <v>37.700000000000003</v>
      </c>
    </row>
    <row r="1717" spans="1:25" x14ac:dyDescent="0.2">
      <c r="B1717" s="72"/>
      <c r="C1717" s="38" t="s">
        <v>44</v>
      </c>
      <c r="D1717" s="44">
        <v>800</v>
      </c>
      <c r="E1717" s="45">
        <v>61.9</v>
      </c>
      <c r="F1717" s="46">
        <v>38.1</v>
      </c>
    </row>
    <row r="1718" spans="1:25" x14ac:dyDescent="0.2">
      <c r="B1718" s="72"/>
      <c r="C1718" s="38" t="s">
        <v>45</v>
      </c>
      <c r="D1718" s="44">
        <v>240</v>
      </c>
      <c r="E1718" s="45">
        <v>61.3</v>
      </c>
      <c r="F1718" s="46">
        <v>38.799999999999997</v>
      </c>
    </row>
    <row r="1719" spans="1:25" x14ac:dyDescent="0.2">
      <c r="B1719" s="72"/>
      <c r="C1719" s="38" t="s">
        <v>46</v>
      </c>
      <c r="D1719" s="44">
        <v>117</v>
      </c>
      <c r="E1719" s="45">
        <v>59</v>
      </c>
      <c r="F1719" s="46">
        <v>41</v>
      </c>
    </row>
    <row r="1720" spans="1:25" x14ac:dyDescent="0.2">
      <c r="B1720" s="72"/>
      <c r="C1720" s="38" t="s">
        <v>47</v>
      </c>
      <c r="D1720" s="44">
        <v>461</v>
      </c>
      <c r="E1720" s="45">
        <v>57.9</v>
      </c>
      <c r="F1720" s="46">
        <v>42.1</v>
      </c>
    </row>
    <row r="1721" spans="1:25" ht="21.6" x14ac:dyDescent="0.2">
      <c r="B1721" s="72"/>
      <c r="C1721" s="39" t="s">
        <v>48</v>
      </c>
      <c r="D1721" s="47">
        <v>2307</v>
      </c>
      <c r="E1721" s="48">
        <v>60.1</v>
      </c>
      <c r="F1721" s="49">
        <v>39.9</v>
      </c>
    </row>
    <row r="1722" spans="1:25" x14ac:dyDescent="0.2">
      <c r="B1722" s="7" t="s">
        <v>49</v>
      </c>
      <c r="C1722" s="4" t="s">
        <v>204</v>
      </c>
    </row>
    <row r="1723" spans="1:25" x14ac:dyDescent="0.2">
      <c r="B1723" s="4"/>
      <c r="C1723" s="4" t="s">
        <v>51</v>
      </c>
    </row>
    <row r="1725" spans="1:25" x14ac:dyDescent="0.2">
      <c r="A1725" s="26" t="s">
        <v>25</v>
      </c>
      <c r="B1725" t="s">
        <v>35</v>
      </c>
      <c r="C1725" t="s">
        <v>35</v>
      </c>
    </row>
    <row r="1726" spans="1:25" x14ac:dyDescent="0.2">
      <c r="B1726" s="70" t="s">
        <v>205</v>
      </c>
      <c r="C1726" s="71"/>
      <c r="D1726" s="71"/>
      <c r="E1726" s="71"/>
      <c r="F1726" s="71"/>
      <c r="G1726" s="71"/>
      <c r="H1726" s="71"/>
      <c r="I1726" s="71"/>
      <c r="J1726" s="71"/>
      <c r="K1726" s="71"/>
      <c r="L1726" s="71"/>
      <c r="M1726" s="71"/>
      <c r="N1726" s="71"/>
      <c r="O1726" s="71"/>
      <c r="P1726" s="71"/>
      <c r="Q1726" s="71"/>
      <c r="R1726" s="71"/>
      <c r="S1726" s="71"/>
      <c r="T1726" s="71"/>
      <c r="U1726" s="71"/>
      <c r="V1726" s="71"/>
      <c r="W1726" s="71"/>
      <c r="X1726" s="71"/>
      <c r="Y1726" s="71"/>
    </row>
    <row r="1727" spans="1:25" s="32" customFormat="1" ht="36.450000000000003" customHeight="1" x14ac:dyDescent="0.15">
      <c r="A1727" s="31"/>
      <c r="D1727" s="33" t="s">
        <v>341</v>
      </c>
      <c r="E1727" s="36" t="s">
        <v>606</v>
      </c>
      <c r="F1727" s="37" t="s">
        <v>607</v>
      </c>
      <c r="G1727" s="35" t="s">
        <v>344</v>
      </c>
    </row>
    <row r="1728" spans="1:25" x14ac:dyDescent="0.2">
      <c r="B1728" s="5"/>
      <c r="C1728" s="40" t="s">
        <v>38</v>
      </c>
      <c r="D1728" s="41">
        <v>4307</v>
      </c>
      <c r="E1728" s="42">
        <v>58.6</v>
      </c>
      <c r="F1728" s="43">
        <v>41.4</v>
      </c>
    </row>
    <row r="1729" spans="1:25" x14ac:dyDescent="0.2">
      <c r="B1729" s="72" t="s">
        <v>37</v>
      </c>
      <c r="C1729" s="38" t="s">
        <v>39</v>
      </c>
      <c r="D1729" s="44">
        <v>1325</v>
      </c>
      <c r="E1729" s="45">
        <v>62.1</v>
      </c>
      <c r="F1729" s="46">
        <v>37.9</v>
      </c>
    </row>
    <row r="1730" spans="1:25" x14ac:dyDescent="0.2">
      <c r="B1730" s="72"/>
      <c r="C1730" s="38" t="s">
        <v>40</v>
      </c>
      <c r="D1730" s="44">
        <v>675</v>
      </c>
      <c r="E1730" s="45">
        <v>57.6</v>
      </c>
      <c r="F1730" s="46">
        <v>42.4</v>
      </c>
    </row>
    <row r="1731" spans="1:25" x14ac:dyDescent="0.2">
      <c r="B1731" s="72"/>
      <c r="C1731" s="38" t="s">
        <v>41</v>
      </c>
      <c r="D1731" s="44">
        <v>168</v>
      </c>
      <c r="E1731" s="45">
        <v>58.3</v>
      </c>
      <c r="F1731" s="46">
        <v>41.7</v>
      </c>
    </row>
    <row r="1732" spans="1:25" x14ac:dyDescent="0.2">
      <c r="B1732" s="72"/>
      <c r="C1732" s="38" t="s">
        <v>42</v>
      </c>
      <c r="D1732" s="44">
        <v>290</v>
      </c>
      <c r="E1732" s="45">
        <v>51</v>
      </c>
      <c r="F1732" s="46">
        <v>49</v>
      </c>
    </row>
    <row r="1733" spans="1:25" x14ac:dyDescent="0.2">
      <c r="B1733" s="72"/>
      <c r="C1733" s="38" t="s">
        <v>43</v>
      </c>
      <c r="D1733" s="44">
        <v>231</v>
      </c>
      <c r="E1733" s="45">
        <v>59.3</v>
      </c>
      <c r="F1733" s="46">
        <v>40.700000000000003</v>
      </c>
    </row>
    <row r="1734" spans="1:25" x14ac:dyDescent="0.2">
      <c r="B1734" s="72"/>
      <c r="C1734" s="38" t="s">
        <v>44</v>
      </c>
      <c r="D1734" s="44">
        <v>800</v>
      </c>
      <c r="E1734" s="45">
        <v>58.6</v>
      </c>
      <c r="F1734" s="46">
        <v>41.4</v>
      </c>
    </row>
    <row r="1735" spans="1:25" x14ac:dyDescent="0.2">
      <c r="B1735" s="72"/>
      <c r="C1735" s="38" t="s">
        <v>45</v>
      </c>
      <c r="D1735" s="44">
        <v>240</v>
      </c>
      <c r="E1735" s="45">
        <v>56.7</v>
      </c>
      <c r="F1735" s="46">
        <v>43.3</v>
      </c>
    </row>
    <row r="1736" spans="1:25" x14ac:dyDescent="0.2">
      <c r="B1736" s="72"/>
      <c r="C1736" s="38" t="s">
        <v>46</v>
      </c>
      <c r="D1736" s="44">
        <v>117</v>
      </c>
      <c r="E1736" s="45">
        <v>49.6</v>
      </c>
      <c r="F1736" s="46">
        <v>50.4</v>
      </c>
    </row>
    <row r="1737" spans="1:25" x14ac:dyDescent="0.2">
      <c r="B1737" s="72"/>
      <c r="C1737" s="38" t="s">
        <v>47</v>
      </c>
      <c r="D1737" s="44">
        <v>461</v>
      </c>
      <c r="E1737" s="45">
        <v>57.3</v>
      </c>
      <c r="F1737" s="46">
        <v>42.7</v>
      </c>
    </row>
    <row r="1738" spans="1:25" ht="21.6" x14ac:dyDescent="0.2">
      <c r="B1738" s="72"/>
      <c r="C1738" s="39" t="s">
        <v>48</v>
      </c>
      <c r="D1738" s="47">
        <v>2307</v>
      </c>
      <c r="E1738" s="48">
        <v>56.8</v>
      </c>
      <c r="F1738" s="49">
        <v>43.2</v>
      </c>
    </row>
    <row r="1739" spans="1:25" x14ac:dyDescent="0.2">
      <c r="B1739" s="7" t="s">
        <v>49</v>
      </c>
      <c r="C1739" s="4" t="s">
        <v>206</v>
      </c>
    </row>
    <row r="1740" spans="1:25" x14ac:dyDescent="0.2">
      <c r="B1740" s="4"/>
      <c r="C1740" s="4" t="s">
        <v>51</v>
      </c>
    </row>
    <row r="1742" spans="1:25" x14ac:dyDescent="0.2">
      <c r="A1742" s="26" t="s">
        <v>25</v>
      </c>
      <c r="B1742" t="s">
        <v>35</v>
      </c>
      <c r="C1742" t="s">
        <v>35</v>
      </c>
    </row>
    <row r="1743" spans="1:25" x14ac:dyDescent="0.2">
      <c r="B1743" s="70" t="s">
        <v>207</v>
      </c>
      <c r="C1743" s="71"/>
      <c r="D1743" s="71"/>
      <c r="E1743" s="71"/>
      <c r="F1743" s="71"/>
      <c r="G1743" s="71"/>
      <c r="H1743" s="71"/>
      <c r="I1743" s="71"/>
      <c r="J1743" s="71"/>
      <c r="K1743" s="71"/>
      <c r="L1743" s="71"/>
      <c r="M1743" s="71"/>
      <c r="N1743" s="71"/>
      <c r="O1743" s="71"/>
      <c r="P1743" s="71"/>
      <c r="Q1743" s="71"/>
      <c r="R1743" s="71"/>
      <c r="S1743" s="71"/>
      <c r="T1743" s="71"/>
      <c r="U1743" s="71"/>
      <c r="V1743" s="71"/>
      <c r="W1743" s="71"/>
      <c r="X1743" s="71"/>
      <c r="Y1743" s="71"/>
    </row>
    <row r="1744" spans="1:25" s="32" customFormat="1" ht="90.45" customHeight="1" x14ac:dyDescent="0.15">
      <c r="A1744" s="31"/>
      <c r="D1744" s="33" t="s">
        <v>341</v>
      </c>
      <c r="E1744" s="36" t="s">
        <v>608</v>
      </c>
      <c r="F1744" s="51" t="s">
        <v>609</v>
      </c>
      <c r="G1744" s="51" t="s">
        <v>610</v>
      </c>
      <c r="H1744" s="51" t="s">
        <v>611</v>
      </c>
      <c r="I1744" s="51" t="s">
        <v>612</v>
      </c>
      <c r="J1744" s="51" t="s">
        <v>613</v>
      </c>
      <c r="K1744" s="37" t="s">
        <v>443</v>
      </c>
      <c r="L1744" s="35" t="s">
        <v>344</v>
      </c>
    </row>
    <row r="1745" spans="1:25" x14ac:dyDescent="0.2">
      <c r="B1745" s="5"/>
      <c r="C1745" s="40" t="s">
        <v>38</v>
      </c>
      <c r="D1745" s="41">
        <v>4307</v>
      </c>
      <c r="E1745" s="42">
        <v>13.2</v>
      </c>
      <c r="F1745" s="42">
        <v>16.2</v>
      </c>
      <c r="G1745" s="42">
        <v>19.899999999999999</v>
      </c>
      <c r="H1745" s="42">
        <v>24.5</v>
      </c>
      <c r="I1745" s="42">
        <v>9.6</v>
      </c>
      <c r="J1745" s="42">
        <v>9.1999999999999993</v>
      </c>
      <c r="K1745" s="43">
        <v>7.4</v>
      </c>
    </row>
    <row r="1746" spans="1:25" x14ac:dyDescent="0.2">
      <c r="B1746" s="72" t="s">
        <v>37</v>
      </c>
      <c r="C1746" s="38" t="s">
        <v>39</v>
      </c>
      <c r="D1746" s="44">
        <v>1325</v>
      </c>
      <c r="E1746" s="45">
        <v>13.9</v>
      </c>
      <c r="F1746" s="45">
        <v>16.5</v>
      </c>
      <c r="G1746" s="45">
        <v>22</v>
      </c>
      <c r="H1746" s="45">
        <v>22.6</v>
      </c>
      <c r="I1746" s="45">
        <v>8.6</v>
      </c>
      <c r="J1746" s="45">
        <v>9.3000000000000007</v>
      </c>
      <c r="K1746" s="46">
        <v>7.1</v>
      </c>
    </row>
    <row r="1747" spans="1:25" x14ac:dyDescent="0.2">
      <c r="B1747" s="72"/>
      <c r="C1747" s="38" t="s">
        <v>40</v>
      </c>
      <c r="D1747" s="44">
        <v>675</v>
      </c>
      <c r="E1747" s="45">
        <v>14.5</v>
      </c>
      <c r="F1747" s="45">
        <v>17.2</v>
      </c>
      <c r="G1747" s="45">
        <v>17.8</v>
      </c>
      <c r="H1747" s="45">
        <v>21</v>
      </c>
      <c r="I1747" s="45">
        <v>11.3</v>
      </c>
      <c r="J1747" s="45">
        <v>9.3000000000000007</v>
      </c>
      <c r="K1747" s="46">
        <v>8.9</v>
      </c>
    </row>
    <row r="1748" spans="1:25" x14ac:dyDescent="0.2">
      <c r="B1748" s="72"/>
      <c r="C1748" s="38" t="s">
        <v>41</v>
      </c>
      <c r="D1748" s="44">
        <v>168</v>
      </c>
      <c r="E1748" s="45">
        <v>13.7</v>
      </c>
      <c r="F1748" s="45">
        <v>9.5</v>
      </c>
      <c r="G1748" s="45">
        <v>20.8</v>
      </c>
      <c r="H1748" s="45">
        <v>26.8</v>
      </c>
      <c r="I1748" s="45">
        <v>13.1</v>
      </c>
      <c r="J1748" s="45">
        <v>11.3</v>
      </c>
      <c r="K1748" s="46">
        <v>4.8</v>
      </c>
    </row>
    <row r="1749" spans="1:25" x14ac:dyDescent="0.2">
      <c r="B1749" s="72"/>
      <c r="C1749" s="38" t="s">
        <v>42</v>
      </c>
      <c r="D1749" s="44">
        <v>290</v>
      </c>
      <c r="E1749" s="45">
        <v>12.1</v>
      </c>
      <c r="F1749" s="45">
        <v>12.8</v>
      </c>
      <c r="G1749" s="45">
        <v>17.600000000000001</v>
      </c>
      <c r="H1749" s="45">
        <v>28.3</v>
      </c>
      <c r="I1749" s="45">
        <v>11.4</v>
      </c>
      <c r="J1749" s="45">
        <v>9.3000000000000007</v>
      </c>
      <c r="K1749" s="46">
        <v>8.6</v>
      </c>
    </row>
    <row r="1750" spans="1:25" x14ac:dyDescent="0.2">
      <c r="B1750" s="72"/>
      <c r="C1750" s="38" t="s">
        <v>43</v>
      </c>
      <c r="D1750" s="44">
        <v>231</v>
      </c>
      <c r="E1750" s="45">
        <v>14.7</v>
      </c>
      <c r="F1750" s="45">
        <v>19</v>
      </c>
      <c r="G1750" s="45">
        <v>18.600000000000001</v>
      </c>
      <c r="H1750" s="45">
        <v>22.5</v>
      </c>
      <c r="I1750" s="45">
        <v>8.1999999999999993</v>
      </c>
      <c r="J1750" s="45">
        <v>8.6999999999999993</v>
      </c>
      <c r="K1750" s="46">
        <v>8.1999999999999993</v>
      </c>
    </row>
    <row r="1751" spans="1:25" x14ac:dyDescent="0.2">
      <c r="B1751" s="72"/>
      <c r="C1751" s="38" t="s">
        <v>44</v>
      </c>
      <c r="D1751" s="44">
        <v>800</v>
      </c>
      <c r="E1751" s="45">
        <v>11.4</v>
      </c>
      <c r="F1751" s="45">
        <v>17.399999999999999</v>
      </c>
      <c r="G1751" s="45">
        <v>18.8</v>
      </c>
      <c r="H1751" s="45">
        <v>28.1</v>
      </c>
      <c r="I1751" s="45">
        <v>8.5</v>
      </c>
      <c r="J1751" s="45">
        <v>8.5</v>
      </c>
      <c r="K1751" s="46">
        <v>7.4</v>
      </c>
    </row>
    <row r="1752" spans="1:25" x14ac:dyDescent="0.2">
      <c r="B1752" s="72"/>
      <c r="C1752" s="38" t="s">
        <v>45</v>
      </c>
      <c r="D1752" s="44">
        <v>240</v>
      </c>
      <c r="E1752" s="45">
        <v>12.5</v>
      </c>
      <c r="F1752" s="45">
        <v>16.7</v>
      </c>
      <c r="G1752" s="45">
        <v>23.8</v>
      </c>
      <c r="H1752" s="45">
        <v>25.4</v>
      </c>
      <c r="I1752" s="45">
        <v>7.9</v>
      </c>
      <c r="J1752" s="45">
        <v>9.1999999999999993</v>
      </c>
      <c r="K1752" s="46">
        <v>4.5999999999999996</v>
      </c>
    </row>
    <row r="1753" spans="1:25" x14ac:dyDescent="0.2">
      <c r="B1753" s="72"/>
      <c r="C1753" s="38" t="s">
        <v>46</v>
      </c>
      <c r="D1753" s="44">
        <v>117</v>
      </c>
      <c r="E1753" s="45">
        <v>12</v>
      </c>
      <c r="F1753" s="45">
        <v>12</v>
      </c>
      <c r="G1753" s="45">
        <v>17.100000000000001</v>
      </c>
      <c r="H1753" s="45">
        <v>35.9</v>
      </c>
      <c r="I1753" s="45">
        <v>11.1</v>
      </c>
      <c r="J1753" s="45">
        <v>6.8</v>
      </c>
      <c r="K1753" s="46">
        <v>5.0999999999999996</v>
      </c>
    </row>
    <row r="1754" spans="1:25" x14ac:dyDescent="0.2">
      <c r="B1754" s="72"/>
      <c r="C1754" s="38" t="s">
        <v>47</v>
      </c>
      <c r="D1754" s="44">
        <v>461</v>
      </c>
      <c r="E1754" s="45">
        <v>13</v>
      </c>
      <c r="F1754" s="45">
        <v>16.100000000000001</v>
      </c>
      <c r="G1754" s="45">
        <v>19.3</v>
      </c>
      <c r="H1754" s="45">
        <v>23.2</v>
      </c>
      <c r="I1754" s="45">
        <v>10.4</v>
      </c>
      <c r="J1754" s="45">
        <v>9.8000000000000007</v>
      </c>
      <c r="K1754" s="46">
        <v>8.1999999999999993</v>
      </c>
    </row>
    <row r="1755" spans="1:25" ht="21.6" x14ac:dyDescent="0.2">
      <c r="B1755" s="72"/>
      <c r="C1755" s="39" t="s">
        <v>48</v>
      </c>
      <c r="D1755" s="47">
        <v>2307</v>
      </c>
      <c r="E1755" s="48">
        <v>12.4</v>
      </c>
      <c r="F1755" s="48">
        <v>15.8</v>
      </c>
      <c r="G1755" s="48">
        <v>19.3</v>
      </c>
      <c r="H1755" s="48">
        <v>26.6</v>
      </c>
      <c r="I1755" s="48">
        <v>9.6</v>
      </c>
      <c r="J1755" s="48">
        <v>9.1</v>
      </c>
      <c r="K1755" s="49">
        <v>7.2</v>
      </c>
    </row>
    <row r="1756" spans="1:25" x14ac:dyDescent="0.2">
      <c r="B1756" s="7" t="s">
        <v>49</v>
      </c>
      <c r="C1756" s="4" t="s">
        <v>208</v>
      </c>
    </row>
    <row r="1757" spans="1:25" x14ac:dyDescent="0.2">
      <c r="B1757" s="4"/>
      <c r="C1757" s="4" t="s">
        <v>51</v>
      </c>
    </row>
    <row r="1759" spans="1:25" x14ac:dyDescent="0.2">
      <c r="A1759" s="26" t="s">
        <v>25</v>
      </c>
      <c r="B1759" t="s">
        <v>35</v>
      </c>
      <c r="C1759" t="s">
        <v>35</v>
      </c>
    </row>
    <row r="1760" spans="1:25" x14ac:dyDescent="0.2">
      <c r="B1760" s="70" t="s">
        <v>209</v>
      </c>
      <c r="C1760" s="71"/>
      <c r="D1760" s="71"/>
      <c r="E1760" s="71"/>
      <c r="F1760" s="71"/>
      <c r="G1760" s="71"/>
      <c r="H1760" s="71"/>
      <c r="I1760" s="71"/>
      <c r="J1760" s="71"/>
      <c r="K1760" s="71"/>
      <c r="L1760" s="71"/>
      <c r="M1760" s="71"/>
      <c r="N1760" s="71"/>
      <c r="O1760" s="71"/>
      <c r="P1760" s="71"/>
      <c r="Q1760" s="71"/>
      <c r="R1760" s="71"/>
      <c r="S1760" s="71"/>
      <c r="T1760" s="71"/>
      <c r="U1760" s="71"/>
      <c r="V1760" s="71"/>
      <c r="W1760" s="71"/>
      <c r="X1760" s="71"/>
      <c r="Y1760" s="71"/>
    </row>
    <row r="1761" spans="1:7" s="32" customFormat="1" ht="36.450000000000003" customHeight="1" x14ac:dyDescent="0.15">
      <c r="A1761" s="31"/>
      <c r="D1761" s="33" t="s">
        <v>341</v>
      </c>
      <c r="E1761" s="36" t="s">
        <v>614</v>
      </c>
      <c r="F1761" s="37" t="s">
        <v>615</v>
      </c>
      <c r="G1761" s="35" t="s">
        <v>344</v>
      </c>
    </row>
    <row r="1762" spans="1:7" x14ac:dyDescent="0.2">
      <c r="B1762" s="5"/>
      <c r="C1762" s="40" t="s">
        <v>38</v>
      </c>
      <c r="D1762" s="41">
        <v>4307</v>
      </c>
      <c r="E1762" s="42">
        <v>19.3</v>
      </c>
      <c r="F1762" s="43">
        <v>80.7</v>
      </c>
    </row>
    <row r="1763" spans="1:7" x14ac:dyDescent="0.2">
      <c r="B1763" s="72" t="s">
        <v>37</v>
      </c>
      <c r="C1763" s="38" t="s">
        <v>39</v>
      </c>
      <c r="D1763" s="44">
        <v>1325</v>
      </c>
      <c r="E1763" s="45">
        <v>18.899999999999999</v>
      </c>
      <c r="F1763" s="46">
        <v>81.099999999999994</v>
      </c>
    </row>
    <row r="1764" spans="1:7" x14ac:dyDescent="0.2">
      <c r="B1764" s="72"/>
      <c r="C1764" s="38" t="s">
        <v>40</v>
      </c>
      <c r="D1764" s="44">
        <v>675</v>
      </c>
      <c r="E1764" s="45">
        <v>18.100000000000001</v>
      </c>
      <c r="F1764" s="46">
        <v>81.900000000000006</v>
      </c>
    </row>
    <row r="1765" spans="1:7" x14ac:dyDescent="0.2">
      <c r="B1765" s="72"/>
      <c r="C1765" s="38" t="s">
        <v>41</v>
      </c>
      <c r="D1765" s="44">
        <v>168</v>
      </c>
      <c r="E1765" s="45">
        <v>23.8</v>
      </c>
      <c r="F1765" s="46">
        <v>76.2</v>
      </c>
    </row>
    <row r="1766" spans="1:7" x14ac:dyDescent="0.2">
      <c r="B1766" s="72"/>
      <c r="C1766" s="38" t="s">
        <v>42</v>
      </c>
      <c r="D1766" s="44">
        <v>290</v>
      </c>
      <c r="E1766" s="45">
        <v>20.3</v>
      </c>
      <c r="F1766" s="46">
        <v>79.7</v>
      </c>
    </row>
    <row r="1767" spans="1:7" x14ac:dyDescent="0.2">
      <c r="B1767" s="72"/>
      <c r="C1767" s="38" t="s">
        <v>43</v>
      </c>
      <c r="D1767" s="44">
        <v>231</v>
      </c>
      <c r="E1767" s="45">
        <v>16.899999999999999</v>
      </c>
      <c r="F1767" s="46">
        <v>83.1</v>
      </c>
    </row>
    <row r="1768" spans="1:7" x14ac:dyDescent="0.2">
      <c r="B1768" s="72"/>
      <c r="C1768" s="38" t="s">
        <v>44</v>
      </c>
      <c r="D1768" s="44">
        <v>800</v>
      </c>
      <c r="E1768" s="45">
        <v>20.6</v>
      </c>
      <c r="F1768" s="46">
        <v>79.400000000000006</v>
      </c>
    </row>
    <row r="1769" spans="1:7" x14ac:dyDescent="0.2">
      <c r="B1769" s="72"/>
      <c r="C1769" s="38" t="s">
        <v>45</v>
      </c>
      <c r="D1769" s="44">
        <v>240</v>
      </c>
      <c r="E1769" s="45">
        <v>16.3</v>
      </c>
      <c r="F1769" s="46">
        <v>83.8</v>
      </c>
    </row>
    <row r="1770" spans="1:7" x14ac:dyDescent="0.2">
      <c r="B1770" s="72"/>
      <c r="C1770" s="38" t="s">
        <v>46</v>
      </c>
      <c r="D1770" s="44">
        <v>117</v>
      </c>
      <c r="E1770" s="45">
        <v>9.4</v>
      </c>
      <c r="F1770" s="46">
        <v>90.6</v>
      </c>
    </row>
    <row r="1771" spans="1:7" x14ac:dyDescent="0.2">
      <c r="B1771" s="72"/>
      <c r="C1771" s="38" t="s">
        <v>47</v>
      </c>
      <c r="D1771" s="44">
        <v>461</v>
      </c>
      <c r="E1771" s="45">
        <v>23.2</v>
      </c>
      <c r="F1771" s="46">
        <v>76.8</v>
      </c>
    </row>
    <row r="1772" spans="1:7" ht="21.6" x14ac:dyDescent="0.2">
      <c r="B1772" s="72"/>
      <c r="C1772" s="39" t="s">
        <v>48</v>
      </c>
      <c r="D1772" s="47">
        <v>2307</v>
      </c>
      <c r="E1772" s="48">
        <v>19.899999999999999</v>
      </c>
      <c r="F1772" s="49">
        <v>80.099999999999994</v>
      </c>
    </row>
    <row r="1773" spans="1:7" x14ac:dyDescent="0.2">
      <c r="B1773" s="7" t="s">
        <v>49</v>
      </c>
      <c r="C1773" s="4" t="s">
        <v>210</v>
      </c>
    </row>
    <row r="1774" spans="1:7" x14ac:dyDescent="0.2">
      <c r="B1774" s="4"/>
      <c r="C1774" s="4" t="s">
        <v>51</v>
      </c>
    </row>
    <row r="1776" spans="1:7" x14ac:dyDescent="0.2">
      <c r="A1776" s="26" t="s">
        <v>25</v>
      </c>
      <c r="B1776" t="s">
        <v>35</v>
      </c>
      <c r="C1776" t="s">
        <v>35</v>
      </c>
    </row>
    <row r="1777" spans="1:25" x14ac:dyDescent="0.2">
      <c r="B1777" s="70" t="s">
        <v>211</v>
      </c>
      <c r="C1777" s="71"/>
      <c r="D1777" s="71"/>
      <c r="E1777" s="71"/>
      <c r="F1777" s="71"/>
      <c r="G1777" s="71"/>
      <c r="H1777" s="71"/>
      <c r="I1777" s="71"/>
      <c r="J1777" s="71"/>
      <c r="K1777" s="71"/>
      <c r="L1777" s="71"/>
      <c r="M1777" s="71"/>
      <c r="N1777" s="71"/>
      <c r="O1777" s="71"/>
      <c r="P1777" s="71"/>
      <c r="Q1777" s="71"/>
      <c r="R1777" s="71"/>
      <c r="S1777" s="71"/>
      <c r="T1777" s="71"/>
      <c r="U1777" s="71"/>
      <c r="V1777" s="71"/>
      <c r="W1777" s="71"/>
      <c r="X1777" s="71"/>
      <c r="Y1777" s="71"/>
    </row>
    <row r="1778" spans="1:25" s="32" customFormat="1" ht="25.65" customHeight="1" x14ac:dyDescent="0.15">
      <c r="A1778" s="31"/>
      <c r="D1778" s="33" t="s">
        <v>341</v>
      </c>
      <c r="E1778" s="36" t="s">
        <v>616</v>
      </c>
      <c r="F1778" s="37" t="s">
        <v>617</v>
      </c>
      <c r="G1778" s="35" t="s">
        <v>344</v>
      </c>
    </row>
    <row r="1779" spans="1:25" x14ac:dyDescent="0.2">
      <c r="B1779" s="5"/>
      <c r="C1779" s="40" t="s">
        <v>38</v>
      </c>
      <c r="D1779" s="41">
        <v>4307</v>
      </c>
      <c r="E1779" s="42">
        <v>17.600000000000001</v>
      </c>
      <c r="F1779" s="43">
        <v>82.4</v>
      </c>
    </row>
    <row r="1780" spans="1:25" x14ac:dyDescent="0.2">
      <c r="B1780" s="72" t="s">
        <v>37</v>
      </c>
      <c r="C1780" s="38" t="s">
        <v>39</v>
      </c>
      <c r="D1780" s="44">
        <v>1325</v>
      </c>
      <c r="E1780" s="45">
        <v>18</v>
      </c>
      <c r="F1780" s="46">
        <v>82</v>
      </c>
    </row>
    <row r="1781" spans="1:25" x14ac:dyDescent="0.2">
      <c r="B1781" s="72"/>
      <c r="C1781" s="38" t="s">
        <v>40</v>
      </c>
      <c r="D1781" s="44">
        <v>675</v>
      </c>
      <c r="E1781" s="45">
        <v>17.5</v>
      </c>
      <c r="F1781" s="46">
        <v>82.5</v>
      </c>
    </row>
    <row r="1782" spans="1:25" x14ac:dyDescent="0.2">
      <c r="B1782" s="72"/>
      <c r="C1782" s="38" t="s">
        <v>41</v>
      </c>
      <c r="D1782" s="44">
        <v>168</v>
      </c>
      <c r="E1782" s="45">
        <v>20.2</v>
      </c>
      <c r="F1782" s="46">
        <v>79.8</v>
      </c>
    </row>
    <row r="1783" spans="1:25" x14ac:dyDescent="0.2">
      <c r="B1783" s="72"/>
      <c r="C1783" s="38" t="s">
        <v>42</v>
      </c>
      <c r="D1783" s="44">
        <v>290</v>
      </c>
      <c r="E1783" s="45">
        <v>14.8</v>
      </c>
      <c r="F1783" s="46">
        <v>85.2</v>
      </c>
    </row>
    <row r="1784" spans="1:25" x14ac:dyDescent="0.2">
      <c r="B1784" s="72"/>
      <c r="C1784" s="38" t="s">
        <v>43</v>
      </c>
      <c r="D1784" s="44">
        <v>231</v>
      </c>
      <c r="E1784" s="45">
        <v>21.6</v>
      </c>
      <c r="F1784" s="46">
        <v>78.400000000000006</v>
      </c>
    </row>
    <row r="1785" spans="1:25" x14ac:dyDescent="0.2">
      <c r="B1785" s="72"/>
      <c r="C1785" s="38" t="s">
        <v>44</v>
      </c>
      <c r="D1785" s="44">
        <v>800</v>
      </c>
      <c r="E1785" s="45">
        <v>17.100000000000001</v>
      </c>
      <c r="F1785" s="46">
        <v>82.9</v>
      </c>
    </row>
    <row r="1786" spans="1:25" x14ac:dyDescent="0.2">
      <c r="B1786" s="72"/>
      <c r="C1786" s="38" t="s">
        <v>45</v>
      </c>
      <c r="D1786" s="44">
        <v>240</v>
      </c>
      <c r="E1786" s="45">
        <v>15.4</v>
      </c>
      <c r="F1786" s="46">
        <v>84.6</v>
      </c>
    </row>
    <row r="1787" spans="1:25" x14ac:dyDescent="0.2">
      <c r="B1787" s="72"/>
      <c r="C1787" s="38" t="s">
        <v>46</v>
      </c>
      <c r="D1787" s="44">
        <v>117</v>
      </c>
      <c r="E1787" s="45">
        <v>16.2</v>
      </c>
      <c r="F1787" s="46">
        <v>83.8</v>
      </c>
    </row>
    <row r="1788" spans="1:25" x14ac:dyDescent="0.2">
      <c r="B1788" s="72"/>
      <c r="C1788" s="38" t="s">
        <v>47</v>
      </c>
      <c r="D1788" s="44">
        <v>461</v>
      </c>
      <c r="E1788" s="45">
        <v>17.8</v>
      </c>
      <c r="F1788" s="46">
        <v>82.2</v>
      </c>
    </row>
    <row r="1789" spans="1:25" ht="21.6" x14ac:dyDescent="0.2">
      <c r="B1789" s="72"/>
      <c r="C1789" s="39" t="s">
        <v>48</v>
      </c>
      <c r="D1789" s="47">
        <v>2307</v>
      </c>
      <c r="E1789" s="48">
        <v>17.399999999999999</v>
      </c>
      <c r="F1789" s="49">
        <v>82.6</v>
      </c>
    </row>
    <row r="1790" spans="1:25" x14ac:dyDescent="0.2">
      <c r="B1790" s="7" t="s">
        <v>49</v>
      </c>
      <c r="C1790" s="4" t="s">
        <v>212</v>
      </c>
    </row>
    <row r="1791" spans="1:25" x14ac:dyDescent="0.2">
      <c r="B1791" s="4"/>
      <c r="C1791" s="4" t="s">
        <v>51</v>
      </c>
    </row>
    <row r="1793" spans="1:25" x14ac:dyDescent="0.2">
      <c r="A1793" s="26" t="s">
        <v>25</v>
      </c>
      <c r="B1793" t="s">
        <v>35</v>
      </c>
      <c r="C1793" t="s">
        <v>35</v>
      </c>
    </row>
    <row r="1794" spans="1:25" x14ac:dyDescent="0.2">
      <c r="B1794" s="70" t="s">
        <v>213</v>
      </c>
      <c r="C1794" s="71"/>
      <c r="D1794" s="71"/>
      <c r="E1794" s="71"/>
      <c r="F1794" s="71"/>
      <c r="G1794" s="71"/>
      <c r="H1794" s="71"/>
      <c r="I1794" s="71"/>
      <c r="J1794" s="71"/>
      <c r="K1794" s="71"/>
      <c r="L1794" s="71"/>
      <c r="M1794" s="71"/>
      <c r="N1794" s="71"/>
      <c r="O1794" s="71"/>
      <c r="P1794" s="71"/>
      <c r="Q1794" s="71"/>
      <c r="R1794" s="71"/>
      <c r="S1794" s="71"/>
      <c r="T1794" s="71"/>
      <c r="U1794" s="71"/>
      <c r="V1794" s="71"/>
      <c r="W1794" s="71"/>
      <c r="X1794" s="71"/>
      <c r="Y1794" s="71"/>
    </row>
    <row r="1795" spans="1:25" s="32" customFormat="1" ht="58.05" customHeight="1" x14ac:dyDescent="0.15">
      <c r="A1795" s="31"/>
      <c r="D1795" s="33" t="s">
        <v>341</v>
      </c>
      <c r="E1795" s="36" t="s">
        <v>618</v>
      </c>
      <c r="F1795" s="51" t="s">
        <v>619</v>
      </c>
      <c r="G1795" s="51" t="s">
        <v>620</v>
      </c>
      <c r="H1795" s="51" t="s">
        <v>621</v>
      </c>
      <c r="I1795" s="51" t="s">
        <v>622</v>
      </c>
      <c r="J1795" s="51" t="s">
        <v>623</v>
      </c>
      <c r="K1795" s="37" t="s">
        <v>443</v>
      </c>
      <c r="L1795" s="35" t="s">
        <v>344</v>
      </c>
    </row>
    <row r="1796" spans="1:25" x14ac:dyDescent="0.2">
      <c r="B1796" s="5"/>
      <c r="C1796" s="40" t="s">
        <v>38</v>
      </c>
      <c r="D1796" s="41">
        <v>4307</v>
      </c>
      <c r="E1796" s="42">
        <v>65.900000000000006</v>
      </c>
      <c r="F1796" s="42">
        <v>13.6</v>
      </c>
      <c r="G1796" s="42">
        <v>8.9</v>
      </c>
      <c r="H1796" s="42">
        <v>1.2</v>
      </c>
      <c r="I1796" s="42">
        <v>1.7</v>
      </c>
      <c r="J1796" s="42">
        <v>1.2</v>
      </c>
      <c r="K1796" s="43">
        <v>7.5</v>
      </c>
    </row>
    <row r="1797" spans="1:25" x14ac:dyDescent="0.2">
      <c r="B1797" s="72" t="s">
        <v>37</v>
      </c>
      <c r="C1797" s="38" t="s">
        <v>39</v>
      </c>
      <c r="D1797" s="44">
        <v>1325</v>
      </c>
      <c r="E1797" s="45">
        <v>62</v>
      </c>
      <c r="F1797" s="45">
        <v>17</v>
      </c>
      <c r="G1797" s="45">
        <v>8.8000000000000007</v>
      </c>
      <c r="H1797" s="45">
        <v>1.4</v>
      </c>
      <c r="I1797" s="45">
        <v>2.6</v>
      </c>
      <c r="J1797" s="45">
        <v>1.1000000000000001</v>
      </c>
      <c r="K1797" s="46">
        <v>7.1</v>
      </c>
    </row>
    <row r="1798" spans="1:25" x14ac:dyDescent="0.2">
      <c r="B1798" s="72"/>
      <c r="C1798" s="38" t="s">
        <v>40</v>
      </c>
      <c r="D1798" s="44">
        <v>675</v>
      </c>
      <c r="E1798" s="45">
        <v>64.400000000000006</v>
      </c>
      <c r="F1798" s="45">
        <v>15.1</v>
      </c>
      <c r="G1798" s="45">
        <v>8.1</v>
      </c>
      <c r="H1798" s="45">
        <v>1.5</v>
      </c>
      <c r="I1798" s="45">
        <v>1.3</v>
      </c>
      <c r="J1798" s="45">
        <v>1.6</v>
      </c>
      <c r="K1798" s="46">
        <v>7.9</v>
      </c>
    </row>
    <row r="1799" spans="1:25" x14ac:dyDescent="0.2">
      <c r="B1799" s="72"/>
      <c r="C1799" s="38" t="s">
        <v>41</v>
      </c>
      <c r="D1799" s="44">
        <v>168</v>
      </c>
      <c r="E1799" s="45">
        <v>70.2</v>
      </c>
      <c r="F1799" s="45">
        <v>6</v>
      </c>
      <c r="G1799" s="45">
        <v>11.3</v>
      </c>
      <c r="H1799" s="45">
        <v>0</v>
      </c>
      <c r="I1799" s="45">
        <v>1.2</v>
      </c>
      <c r="J1799" s="45">
        <v>1.8</v>
      </c>
      <c r="K1799" s="46">
        <v>9.5</v>
      </c>
    </row>
    <row r="1800" spans="1:25" x14ac:dyDescent="0.2">
      <c r="B1800" s="72"/>
      <c r="C1800" s="38" t="s">
        <v>42</v>
      </c>
      <c r="D1800" s="44">
        <v>290</v>
      </c>
      <c r="E1800" s="45">
        <v>71.7</v>
      </c>
      <c r="F1800" s="45">
        <v>9.6999999999999993</v>
      </c>
      <c r="G1800" s="45">
        <v>8.3000000000000007</v>
      </c>
      <c r="H1800" s="45">
        <v>1.4</v>
      </c>
      <c r="I1800" s="45">
        <v>1</v>
      </c>
      <c r="J1800" s="45">
        <v>1</v>
      </c>
      <c r="K1800" s="46">
        <v>6.9</v>
      </c>
    </row>
    <row r="1801" spans="1:25" x14ac:dyDescent="0.2">
      <c r="B1801" s="72"/>
      <c r="C1801" s="38" t="s">
        <v>43</v>
      </c>
      <c r="D1801" s="44">
        <v>231</v>
      </c>
      <c r="E1801" s="45">
        <v>62.8</v>
      </c>
      <c r="F1801" s="45">
        <v>14.7</v>
      </c>
      <c r="G1801" s="45">
        <v>10</v>
      </c>
      <c r="H1801" s="45">
        <v>0</v>
      </c>
      <c r="I1801" s="45">
        <v>1.7</v>
      </c>
      <c r="J1801" s="45">
        <v>0.9</v>
      </c>
      <c r="K1801" s="46">
        <v>10</v>
      </c>
    </row>
    <row r="1802" spans="1:25" x14ac:dyDescent="0.2">
      <c r="B1802" s="72"/>
      <c r="C1802" s="38" t="s">
        <v>44</v>
      </c>
      <c r="D1802" s="44">
        <v>800</v>
      </c>
      <c r="E1802" s="45">
        <v>67.8</v>
      </c>
      <c r="F1802" s="45">
        <v>12</v>
      </c>
      <c r="G1802" s="45">
        <v>9</v>
      </c>
      <c r="H1802" s="45">
        <v>1.3</v>
      </c>
      <c r="I1802" s="45">
        <v>1.8</v>
      </c>
      <c r="J1802" s="45">
        <v>0.6</v>
      </c>
      <c r="K1802" s="46">
        <v>7.6</v>
      </c>
    </row>
    <row r="1803" spans="1:25" x14ac:dyDescent="0.2">
      <c r="B1803" s="72"/>
      <c r="C1803" s="38" t="s">
        <v>45</v>
      </c>
      <c r="D1803" s="44">
        <v>240</v>
      </c>
      <c r="E1803" s="45">
        <v>69.599999999999994</v>
      </c>
      <c r="F1803" s="45">
        <v>11.7</v>
      </c>
      <c r="G1803" s="45">
        <v>9.6</v>
      </c>
      <c r="H1803" s="45">
        <v>0.8</v>
      </c>
      <c r="I1803" s="45">
        <v>1.3</v>
      </c>
      <c r="J1803" s="45">
        <v>1.3</v>
      </c>
      <c r="K1803" s="46">
        <v>5.8</v>
      </c>
    </row>
    <row r="1804" spans="1:25" x14ac:dyDescent="0.2">
      <c r="B1804" s="72"/>
      <c r="C1804" s="38" t="s">
        <v>46</v>
      </c>
      <c r="D1804" s="44">
        <v>117</v>
      </c>
      <c r="E1804" s="45">
        <v>76.099999999999994</v>
      </c>
      <c r="F1804" s="45">
        <v>12.8</v>
      </c>
      <c r="G1804" s="45">
        <v>5.0999999999999996</v>
      </c>
      <c r="H1804" s="45">
        <v>0.9</v>
      </c>
      <c r="I1804" s="45">
        <v>0</v>
      </c>
      <c r="J1804" s="45">
        <v>0</v>
      </c>
      <c r="K1804" s="46">
        <v>5.0999999999999996</v>
      </c>
    </row>
    <row r="1805" spans="1:25" x14ac:dyDescent="0.2">
      <c r="B1805" s="72"/>
      <c r="C1805" s="38" t="s">
        <v>47</v>
      </c>
      <c r="D1805" s="44">
        <v>461</v>
      </c>
      <c r="E1805" s="45">
        <v>68.099999999999994</v>
      </c>
      <c r="F1805" s="45">
        <v>10.199999999999999</v>
      </c>
      <c r="G1805" s="45">
        <v>9.3000000000000007</v>
      </c>
      <c r="H1805" s="45">
        <v>1.3</v>
      </c>
      <c r="I1805" s="45">
        <v>1.1000000000000001</v>
      </c>
      <c r="J1805" s="45">
        <v>2</v>
      </c>
      <c r="K1805" s="46">
        <v>8</v>
      </c>
    </row>
    <row r="1806" spans="1:25" ht="21.6" x14ac:dyDescent="0.2">
      <c r="B1806" s="72"/>
      <c r="C1806" s="39" t="s">
        <v>48</v>
      </c>
      <c r="D1806" s="47">
        <v>2307</v>
      </c>
      <c r="E1806" s="48">
        <v>68.599999999999994</v>
      </c>
      <c r="F1806" s="48">
        <v>11.2</v>
      </c>
      <c r="G1806" s="48">
        <v>9.1</v>
      </c>
      <c r="H1806" s="48">
        <v>1</v>
      </c>
      <c r="I1806" s="48">
        <v>1.3</v>
      </c>
      <c r="J1806" s="48">
        <v>1.1000000000000001</v>
      </c>
      <c r="K1806" s="49">
        <v>7.7</v>
      </c>
    </row>
    <row r="1807" spans="1:25" x14ac:dyDescent="0.2">
      <c r="B1807" s="7" t="s">
        <v>49</v>
      </c>
      <c r="C1807" s="4" t="s">
        <v>214</v>
      </c>
    </row>
    <row r="1808" spans="1:25" x14ac:dyDescent="0.2">
      <c r="B1808" s="4"/>
      <c r="C1808" s="4" t="s">
        <v>51</v>
      </c>
    </row>
    <row r="1810" spans="1:25" x14ac:dyDescent="0.2">
      <c r="A1810" s="26" t="s">
        <v>25</v>
      </c>
      <c r="B1810" t="s">
        <v>35</v>
      </c>
      <c r="C1810" t="s">
        <v>35</v>
      </c>
    </row>
    <row r="1811" spans="1:25" x14ac:dyDescent="0.2">
      <c r="B1811" s="70" t="s">
        <v>215</v>
      </c>
      <c r="C1811" s="71"/>
      <c r="D1811" s="71"/>
      <c r="E1811" s="71"/>
      <c r="F1811" s="71"/>
      <c r="G1811" s="71"/>
      <c r="H1811" s="71"/>
      <c r="I1811" s="71"/>
      <c r="J1811" s="71"/>
      <c r="K1811" s="71"/>
      <c r="L1811" s="71"/>
      <c r="M1811" s="71"/>
      <c r="N1811" s="71"/>
      <c r="O1811" s="71"/>
      <c r="P1811" s="71"/>
      <c r="Q1811" s="71"/>
      <c r="R1811" s="71"/>
      <c r="S1811" s="71"/>
      <c r="T1811" s="71"/>
      <c r="U1811" s="71"/>
      <c r="V1811" s="71"/>
      <c r="W1811" s="71"/>
      <c r="X1811" s="71"/>
      <c r="Y1811" s="71"/>
    </row>
    <row r="1812" spans="1:25" s="32" customFormat="1" ht="58.05" customHeight="1" x14ac:dyDescent="0.15">
      <c r="A1812" s="31"/>
      <c r="D1812" s="33" t="s">
        <v>341</v>
      </c>
      <c r="E1812" s="36" t="s">
        <v>624</v>
      </c>
      <c r="F1812" s="51" t="s">
        <v>625</v>
      </c>
      <c r="G1812" s="37" t="s">
        <v>443</v>
      </c>
      <c r="H1812" s="35" t="s">
        <v>344</v>
      </c>
    </row>
    <row r="1813" spans="1:25" x14ac:dyDescent="0.2">
      <c r="B1813" s="5"/>
      <c r="C1813" s="40" t="s">
        <v>38</v>
      </c>
      <c r="D1813" s="41">
        <v>4307</v>
      </c>
      <c r="E1813" s="42">
        <v>13.6</v>
      </c>
      <c r="F1813" s="42">
        <v>81.3</v>
      </c>
      <c r="G1813" s="43">
        <v>5.0999999999999996</v>
      </c>
    </row>
    <row r="1814" spans="1:25" x14ac:dyDescent="0.2">
      <c r="B1814" s="72" t="s">
        <v>37</v>
      </c>
      <c r="C1814" s="38" t="s">
        <v>39</v>
      </c>
      <c r="D1814" s="44">
        <v>1325</v>
      </c>
      <c r="E1814" s="45">
        <v>14.8</v>
      </c>
      <c r="F1814" s="45">
        <v>80</v>
      </c>
      <c r="G1814" s="46">
        <v>5.2</v>
      </c>
    </row>
    <row r="1815" spans="1:25" x14ac:dyDescent="0.2">
      <c r="B1815" s="72"/>
      <c r="C1815" s="38" t="s">
        <v>40</v>
      </c>
      <c r="D1815" s="44">
        <v>675</v>
      </c>
      <c r="E1815" s="45">
        <v>14.2</v>
      </c>
      <c r="F1815" s="45">
        <v>80.7</v>
      </c>
      <c r="G1815" s="46">
        <v>5</v>
      </c>
    </row>
    <row r="1816" spans="1:25" x14ac:dyDescent="0.2">
      <c r="B1816" s="72"/>
      <c r="C1816" s="38" t="s">
        <v>41</v>
      </c>
      <c r="D1816" s="44">
        <v>168</v>
      </c>
      <c r="E1816" s="45">
        <v>10.7</v>
      </c>
      <c r="F1816" s="45">
        <v>85.7</v>
      </c>
      <c r="G1816" s="46">
        <v>3.6</v>
      </c>
    </row>
    <row r="1817" spans="1:25" x14ac:dyDescent="0.2">
      <c r="B1817" s="72"/>
      <c r="C1817" s="38" t="s">
        <v>42</v>
      </c>
      <c r="D1817" s="44">
        <v>290</v>
      </c>
      <c r="E1817" s="45">
        <v>9.3000000000000007</v>
      </c>
      <c r="F1817" s="45">
        <v>84.5</v>
      </c>
      <c r="G1817" s="46">
        <v>6.2</v>
      </c>
    </row>
    <row r="1818" spans="1:25" x14ac:dyDescent="0.2">
      <c r="B1818" s="72"/>
      <c r="C1818" s="38" t="s">
        <v>43</v>
      </c>
      <c r="D1818" s="44">
        <v>231</v>
      </c>
      <c r="E1818" s="45">
        <v>14.7</v>
      </c>
      <c r="F1818" s="45">
        <v>81</v>
      </c>
      <c r="G1818" s="46">
        <v>4.3</v>
      </c>
    </row>
    <row r="1819" spans="1:25" x14ac:dyDescent="0.2">
      <c r="B1819" s="72"/>
      <c r="C1819" s="38" t="s">
        <v>44</v>
      </c>
      <c r="D1819" s="44">
        <v>800</v>
      </c>
      <c r="E1819" s="45">
        <v>14.1</v>
      </c>
      <c r="F1819" s="45">
        <v>79.099999999999994</v>
      </c>
      <c r="G1819" s="46">
        <v>6.8</v>
      </c>
    </row>
    <row r="1820" spans="1:25" x14ac:dyDescent="0.2">
      <c r="B1820" s="72"/>
      <c r="C1820" s="38" t="s">
        <v>45</v>
      </c>
      <c r="D1820" s="44">
        <v>240</v>
      </c>
      <c r="E1820" s="45">
        <v>10.8</v>
      </c>
      <c r="F1820" s="45">
        <v>85.4</v>
      </c>
      <c r="G1820" s="46">
        <v>3.8</v>
      </c>
    </row>
    <row r="1821" spans="1:25" x14ac:dyDescent="0.2">
      <c r="B1821" s="72"/>
      <c r="C1821" s="38" t="s">
        <v>46</v>
      </c>
      <c r="D1821" s="44">
        <v>117</v>
      </c>
      <c r="E1821" s="45">
        <v>11.1</v>
      </c>
      <c r="F1821" s="45">
        <v>86.3</v>
      </c>
      <c r="G1821" s="46">
        <v>2.6</v>
      </c>
    </row>
    <row r="1822" spans="1:25" x14ac:dyDescent="0.2">
      <c r="B1822" s="72"/>
      <c r="C1822" s="38" t="s">
        <v>47</v>
      </c>
      <c r="D1822" s="44">
        <v>461</v>
      </c>
      <c r="E1822" s="45">
        <v>13.7</v>
      </c>
      <c r="F1822" s="45">
        <v>82.6</v>
      </c>
      <c r="G1822" s="46">
        <v>3.7</v>
      </c>
    </row>
    <row r="1823" spans="1:25" ht="21.6" x14ac:dyDescent="0.2">
      <c r="B1823" s="72"/>
      <c r="C1823" s="39" t="s">
        <v>48</v>
      </c>
      <c r="D1823" s="47">
        <v>2307</v>
      </c>
      <c r="E1823" s="48">
        <v>12.7</v>
      </c>
      <c r="F1823" s="48">
        <v>82.2</v>
      </c>
      <c r="G1823" s="49">
        <v>5.0999999999999996</v>
      </c>
    </row>
    <row r="1824" spans="1:25" x14ac:dyDescent="0.2">
      <c r="B1824" s="7" t="s">
        <v>49</v>
      </c>
      <c r="C1824" s="4" t="s">
        <v>216</v>
      </c>
    </row>
    <row r="1825" spans="1:25" x14ac:dyDescent="0.2">
      <c r="B1825" s="4"/>
      <c r="C1825" s="4" t="s">
        <v>51</v>
      </c>
    </row>
    <row r="1827" spans="1:25" x14ac:dyDescent="0.2">
      <c r="A1827" s="26" t="s">
        <v>25</v>
      </c>
      <c r="B1827" t="s">
        <v>35</v>
      </c>
      <c r="C1827" t="s">
        <v>35</v>
      </c>
    </row>
    <row r="1828" spans="1:25" x14ac:dyDescent="0.2">
      <c r="B1828" s="70" t="s">
        <v>217</v>
      </c>
      <c r="C1828" s="71"/>
      <c r="D1828" s="71"/>
      <c r="E1828" s="71"/>
      <c r="F1828" s="71"/>
      <c r="G1828" s="71"/>
      <c r="H1828" s="71"/>
      <c r="I1828" s="71"/>
      <c r="J1828" s="71"/>
      <c r="K1828" s="71"/>
      <c r="L1828" s="71"/>
      <c r="M1828" s="71"/>
      <c r="N1828" s="71"/>
      <c r="O1828" s="71"/>
      <c r="P1828" s="71"/>
      <c r="Q1828" s="71"/>
      <c r="R1828" s="71"/>
      <c r="S1828" s="71"/>
      <c r="T1828" s="71"/>
      <c r="U1828" s="71"/>
      <c r="V1828" s="71"/>
      <c r="W1828" s="71"/>
      <c r="X1828" s="71"/>
      <c r="Y1828" s="71"/>
    </row>
    <row r="1829" spans="1:25" s="32" customFormat="1" ht="36.450000000000003" customHeight="1" x14ac:dyDescent="0.15">
      <c r="A1829" s="31"/>
      <c r="D1829" s="33" t="s">
        <v>341</v>
      </c>
      <c r="E1829" s="36" t="s">
        <v>626</v>
      </c>
      <c r="F1829" s="51" t="s">
        <v>627</v>
      </c>
      <c r="G1829" s="37" t="s">
        <v>443</v>
      </c>
      <c r="H1829" s="35" t="s">
        <v>344</v>
      </c>
    </row>
    <row r="1830" spans="1:25" x14ac:dyDescent="0.2">
      <c r="B1830" s="5"/>
      <c r="C1830" s="40" t="s">
        <v>38</v>
      </c>
      <c r="D1830" s="41">
        <v>4307</v>
      </c>
      <c r="E1830" s="42">
        <v>65.599999999999994</v>
      </c>
      <c r="F1830" s="42">
        <v>19.8</v>
      </c>
      <c r="G1830" s="43">
        <v>14.6</v>
      </c>
    </row>
    <row r="1831" spans="1:25" x14ac:dyDescent="0.2">
      <c r="B1831" s="72" t="s">
        <v>37</v>
      </c>
      <c r="C1831" s="38" t="s">
        <v>39</v>
      </c>
      <c r="D1831" s="44">
        <v>1325</v>
      </c>
      <c r="E1831" s="45">
        <v>64.900000000000006</v>
      </c>
      <c r="F1831" s="45">
        <v>19.8</v>
      </c>
      <c r="G1831" s="46">
        <v>15.3</v>
      </c>
    </row>
    <row r="1832" spans="1:25" x14ac:dyDescent="0.2">
      <c r="B1832" s="72"/>
      <c r="C1832" s="38" t="s">
        <v>40</v>
      </c>
      <c r="D1832" s="44">
        <v>675</v>
      </c>
      <c r="E1832" s="45">
        <v>65.599999999999994</v>
      </c>
      <c r="F1832" s="45">
        <v>20</v>
      </c>
      <c r="G1832" s="46">
        <v>14.4</v>
      </c>
    </row>
    <row r="1833" spans="1:25" x14ac:dyDescent="0.2">
      <c r="B1833" s="72"/>
      <c r="C1833" s="38" t="s">
        <v>41</v>
      </c>
      <c r="D1833" s="44">
        <v>168</v>
      </c>
      <c r="E1833" s="45">
        <v>67.3</v>
      </c>
      <c r="F1833" s="45">
        <v>18.5</v>
      </c>
      <c r="G1833" s="46">
        <v>14.3</v>
      </c>
    </row>
    <row r="1834" spans="1:25" x14ac:dyDescent="0.2">
      <c r="B1834" s="72"/>
      <c r="C1834" s="38" t="s">
        <v>42</v>
      </c>
      <c r="D1834" s="44">
        <v>290</v>
      </c>
      <c r="E1834" s="45">
        <v>69.7</v>
      </c>
      <c r="F1834" s="45">
        <v>18.600000000000001</v>
      </c>
      <c r="G1834" s="46">
        <v>11.7</v>
      </c>
    </row>
    <row r="1835" spans="1:25" x14ac:dyDescent="0.2">
      <c r="B1835" s="72"/>
      <c r="C1835" s="38" t="s">
        <v>43</v>
      </c>
      <c r="D1835" s="44">
        <v>231</v>
      </c>
      <c r="E1835" s="45">
        <v>65.8</v>
      </c>
      <c r="F1835" s="45">
        <v>17.3</v>
      </c>
      <c r="G1835" s="46">
        <v>16.899999999999999</v>
      </c>
    </row>
    <row r="1836" spans="1:25" x14ac:dyDescent="0.2">
      <c r="B1836" s="72"/>
      <c r="C1836" s="38" t="s">
        <v>44</v>
      </c>
      <c r="D1836" s="44">
        <v>800</v>
      </c>
      <c r="E1836" s="45">
        <v>65.5</v>
      </c>
      <c r="F1836" s="45">
        <v>19.399999999999999</v>
      </c>
      <c r="G1836" s="46">
        <v>15.1</v>
      </c>
    </row>
    <row r="1837" spans="1:25" x14ac:dyDescent="0.2">
      <c r="B1837" s="72"/>
      <c r="C1837" s="38" t="s">
        <v>45</v>
      </c>
      <c r="D1837" s="44">
        <v>240</v>
      </c>
      <c r="E1837" s="45">
        <v>64.599999999999994</v>
      </c>
      <c r="F1837" s="45">
        <v>22.9</v>
      </c>
      <c r="G1837" s="46">
        <v>12.5</v>
      </c>
    </row>
    <row r="1838" spans="1:25" x14ac:dyDescent="0.2">
      <c r="B1838" s="72"/>
      <c r="C1838" s="38" t="s">
        <v>46</v>
      </c>
      <c r="D1838" s="44">
        <v>117</v>
      </c>
      <c r="E1838" s="45">
        <v>61.5</v>
      </c>
      <c r="F1838" s="45">
        <v>21.4</v>
      </c>
      <c r="G1838" s="46">
        <v>17.100000000000001</v>
      </c>
    </row>
    <row r="1839" spans="1:25" x14ac:dyDescent="0.2">
      <c r="B1839" s="72"/>
      <c r="C1839" s="38" t="s">
        <v>47</v>
      </c>
      <c r="D1839" s="44">
        <v>461</v>
      </c>
      <c r="E1839" s="45">
        <v>65.7</v>
      </c>
      <c r="F1839" s="45">
        <v>20.8</v>
      </c>
      <c r="G1839" s="46">
        <v>13.4</v>
      </c>
    </row>
    <row r="1840" spans="1:25" ht="21.6" x14ac:dyDescent="0.2">
      <c r="B1840" s="72"/>
      <c r="C1840" s="39" t="s">
        <v>48</v>
      </c>
      <c r="D1840" s="47">
        <v>2307</v>
      </c>
      <c r="E1840" s="48">
        <v>65.900000000000006</v>
      </c>
      <c r="F1840" s="48">
        <v>19.8</v>
      </c>
      <c r="G1840" s="49">
        <v>14.3</v>
      </c>
    </row>
    <row r="1841" spans="1:25" x14ac:dyDescent="0.2">
      <c r="B1841" s="7" t="s">
        <v>49</v>
      </c>
      <c r="C1841" s="4" t="s">
        <v>218</v>
      </c>
    </row>
    <row r="1842" spans="1:25" x14ac:dyDescent="0.2">
      <c r="B1842" s="4"/>
      <c r="C1842" s="4" t="s">
        <v>51</v>
      </c>
    </row>
    <row r="1844" spans="1:25" x14ac:dyDescent="0.2">
      <c r="A1844" s="26" t="s">
        <v>25</v>
      </c>
      <c r="B1844" t="s">
        <v>35</v>
      </c>
      <c r="C1844" t="s">
        <v>35</v>
      </c>
    </row>
    <row r="1845" spans="1:25" x14ac:dyDescent="0.2">
      <c r="B1845" s="70" t="s">
        <v>219</v>
      </c>
      <c r="C1845" s="71"/>
      <c r="D1845" s="71"/>
      <c r="E1845" s="71"/>
      <c r="F1845" s="71"/>
      <c r="G1845" s="71"/>
      <c r="H1845" s="71"/>
      <c r="I1845" s="71"/>
      <c r="J1845" s="71"/>
      <c r="K1845" s="71"/>
      <c r="L1845" s="71"/>
      <c r="M1845" s="71"/>
      <c r="N1845" s="71"/>
      <c r="O1845" s="71"/>
      <c r="P1845" s="71"/>
      <c r="Q1845" s="71"/>
      <c r="R1845" s="71"/>
      <c r="S1845" s="71"/>
      <c r="T1845" s="71"/>
      <c r="U1845" s="71"/>
      <c r="V1845" s="71"/>
      <c r="W1845" s="71"/>
      <c r="X1845" s="71"/>
      <c r="Y1845" s="71"/>
    </row>
    <row r="1846" spans="1:25" s="32" customFormat="1" ht="36.450000000000003" customHeight="1" x14ac:dyDescent="0.15">
      <c r="A1846" s="31"/>
      <c r="D1846" s="33" t="s">
        <v>341</v>
      </c>
      <c r="E1846" s="36" t="s">
        <v>626</v>
      </c>
      <c r="F1846" s="51" t="s">
        <v>627</v>
      </c>
      <c r="G1846" s="37" t="s">
        <v>443</v>
      </c>
      <c r="H1846" s="35" t="s">
        <v>344</v>
      </c>
    </row>
    <row r="1847" spans="1:25" x14ac:dyDescent="0.2">
      <c r="B1847" s="5"/>
      <c r="C1847" s="40" t="s">
        <v>38</v>
      </c>
      <c r="D1847" s="41">
        <v>4307</v>
      </c>
      <c r="E1847" s="42">
        <v>45.8</v>
      </c>
      <c r="F1847" s="42">
        <v>33.200000000000003</v>
      </c>
      <c r="G1847" s="43">
        <v>21</v>
      </c>
    </row>
    <row r="1848" spans="1:25" x14ac:dyDescent="0.2">
      <c r="B1848" s="72" t="s">
        <v>37</v>
      </c>
      <c r="C1848" s="38" t="s">
        <v>39</v>
      </c>
      <c r="D1848" s="44">
        <v>1325</v>
      </c>
      <c r="E1848" s="45">
        <v>46.2</v>
      </c>
      <c r="F1848" s="45">
        <v>33</v>
      </c>
      <c r="G1848" s="46">
        <v>20.8</v>
      </c>
    </row>
    <row r="1849" spans="1:25" x14ac:dyDescent="0.2">
      <c r="B1849" s="72"/>
      <c r="C1849" s="38" t="s">
        <v>40</v>
      </c>
      <c r="D1849" s="44">
        <v>675</v>
      </c>
      <c r="E1849" s="45">
        <v>44.9</v>
      </c>
      <c r="F1849" s="45">
        <v>34.1</v>
      </c>
      <c r="G1849" s="46">
        <v>21</v>
      </c>
    </row>
    <row r="1850" spans="1:25" x14ac:dyDescent="0.2">
      <c r="B1850" s="72"/>
      <c r="C1850" s="38" t="s">
        <v>41</v>
      </c>
      <c r="D1850" s="44">
        <v>168</v>
      </c>
      <c r="E1850" s="45">
        <v>42.3</v>
      </c>
      <c r="F1850" s="45">
        <v>33.9</v>
      </c>
      <c r="G1850" s="46">
        <v>23.8</v>
      </c>
    </row>
    <row r="1851" spans="1:25" x14ac:dyDescent="0.2">
      <c r="B1851" s="72"/>
      <c r="C1851" s="38" t="s">
        <v>42</v>
      </c>
      <c r="D1851" s="44">
        <v>290</v>
      </c>
      <c r="E1851" s="45">
        <v>46.9</v>
      </c>
      <c r="F1851" s="45">
        <v>33.4</v>
      </c>
      <c r="G1851" s="46">
        <v>19.7</v>
      </c>
    </row>
    <row r="1852" spans="1:25" x14ac:dyDescent="0.2">
      <c r="B1852" s="72"/>
      <c r="C1852" s="38" t="s">
        <v>43</v>
      </c>
      <c r="D1852" s="44">
        <v>231</v>
      </c>
      <c r="E1852" s="45">
        <v>48.1</v>
      </c>
      <c r="F1852" s="45">
        <v>30.7</v>
      </c>
      <c r="G1852" s="46">
        <v>21.2</v>
      </c>
    </row>
    <row r="1853" spans="1:25" x14ac:dyDescent="0.2">
      <c r="B1853" s="72"/>
      <c r="C1853" s="38" t="s">
        <v>44</v>
      </c>
      <c r="D1853" s="44">
        <v>800</v>
      </c>
      <c r="E1853" s="45">
        <v>44.4</v>
      </c>
      <c r="F1853" s="45">
        <v>33.5</v>
      </c>
      <c r="G1853" s="46">
        <v>22.1</v>
      </c>
    </row>
    <row r="1854" spans="1:25" x14ac:dyDescent="0.2">
      <c r="B1854" s="72"/>
      <c r="C1854" s="38" t="s">
        <v>45</v>
      </c>
      <c r="D1854" s="44">
        <v>240</v>
      </c>
      <c r="E1854" s="45">
        <v>49.6</v>
      </c>
      <c r="F1854" s="45">
        <v>33.299999999999997</v>
      </c>
      <c r="G1854" s="46">
        <v>17.100000000000001</v>
      </c>
    </row>
    <row r="1855" spans="1:25" x14ac:dyDescent="0.2">
      <c r="B1855" s="72"/>
      <c r="C1855" s="38" t="s">
        <v>46</v>
      </c>
      <c r="D1855" s="44">
        <v>117</v>
      </c>
      <c r="E1855" s="45">
        <v>43.6</v>
      </c>
      <c r="F1855" s="45">
        <v>29.9</v>
      </c>
      <c r="G1855" s="46">
        <v>26.5</v>
      </c>
    </row>
    <row r="1856" spans="1:25" x14ac:dyDescent="0.2">
      <c r="B1856" s="72"/>
      <c r="C1856" s="38" t="s">
        <v>47</v>
      </c>
      <c r="D1856" s="44">
        <v>461</v>
      </c>
      <c r="E1856" s="45">
        <v>46.2</v>
      </c>
      <c r="F1856" s="45">
        <v>34.1</v>
      </c>
      <c r="G1856" s="46">
        <v>19.7</v>
      </c>
    </row>
    <row r="1857" spans="1:25" ht="21.6" x14ac:dyDescent="0.2">
      <c r="B1857" s="72"/>
      <c r="C1857" s="39" t="s">
        <v>48</v>
      </c>
      <c r="D1857" s="47">
        <v>2307</v>
      </c>
      <c r="E1857" s="48">
        <v>45.8</v>
      </c>
      <c r="F1857" s="48">
        <v>33.200000000000003</v>
      </c>
      <c r="G1857" s="49">
        <v>21.1</v>
      </c>
    </row>
    <row r="1858" spans="1:25" x14ac:dyDescent="0.2">
      <c r="B1858" s="7" t="s">
        <v>49</v>
      </c>
      <c r="C1858" s="4" t="s">
        <v>220</v>
      </c>
    </row>
    <row r="1859" spans="1:25" x14ac:dyDescent="0.2">
      <c r="B1859" s="4"/>
      <c r="C1859" s="4" t="s">
        <v>51</v>
      </c>
    </row>
    <row r="1861" spans="1:25" x14ac:dyDescent="0.2">
      <c r="A1861" s="26" t="s">
        <v>25</v>
      </c>
      <c r="B1861" t="s">
        <v>35</v>
      </c>
      <c r="C1861" t="s">
        <v>35</v>
      </c>
    </row>
    <row r="1862" spans="1:25" x14ac:dyDescent="0.2">
      <c r="B1862" s="70" t="s">
        <v>221</v>
      </c>
      <c r="C1862" s="71"/>
      <c r="D1862" s="71"/>
      <c r="E1862" s="71"/>
      <c r="F1862" s="71"/>
      <c r="G1862" s="71"/>
      <c r="H1862" s="71"/>
      <c r="I1862" s="71"/>
      <c r="J1862" s="71"/>
      <c r="K1862" s="71"/>
      <c r="L1862" s="71"/>
      <c r="M1862" s="71"/>
      <c r="N1862" s="71"/>
      <c r="O1862" s="71"/>
      <c r="P1862" s="71"/>
      <c r="Q1862" s="71"/>
      <c r="R1862" s="71"/>
      <c r="S1862" s="71"/>
      <c r="T1862" s="71"/>
      <c r="U1862" s="71"/>
      <c r="V1862" s="71"/>
      <c r="W1862" s="71"/>
      <c r="X1862" s="71"/>
      <c r="Y1862" s="71"/>
    </row>
    <row r="1863" spans="1:25" s="32" customFormat="1" ht="36.450000000000003" customHeight="1" x14ac:dyDescent="0.15">
      <c r="A1863" s="31"/>
      <c r="D1863" s="33" t="s">
        <v>341</v>
      </c>
      <c r="E1863" s="36" t="s">
        <v>626</v>
      </c>
      <c r="F1863" s="51" t="s">
        <v>627</v>
      </c>
      <c r="G1863" s="37" t="s">
        <v>443</v>
      </c>
      <c r="H1863" s="35" t="s">
        <v>344</v>
      </c>
    </row>
    <row r="1864" spans="1:25" x14ac:dyDescent="0.2">
      <c r="B1864" s="5"/>
      <c r="C1864" s="40" t="s">
        <v>38</v>
      </c>
      <c r="D1864" s="41">
        <v>4307</v>
      </c>
      <c r="E1864" s="42">
        <v>41.5</v>
      </c>
      <c r="F1864" s="42">
        <v>39</v>
      </c>
      <c r="G1864" s="43">
        <v>19.5</v>
      </c>
    </row>
    <row r="1865" spans="1:25" x14ac:dyDescent="0.2">
      <c r="B1865" s="72" t="s">
        <v>37</v>
      </c>
      <c r="C1865" s="38" t="s">
        <v>39</v>
      </c>
      <c r="D1865" s="44">
        <v>1325</v>
      </c>
      <c r="E1865" s="45">
        <v>43.5</v>
      </c>
      <c r="F1865" s="45">
        <v>39.1</v>
      </c>
      <c r="G1865" s="46">
        <v>17.399999999999999</v>
      </c>
    </row>
    <row r="1866" spans="1:25" x14ac:dyDescent="0.2">
      <c r="B1866" s="72"/>
      <c r="C1866" s="38" t="s">
        <v>40</v>
      </c>
      <c r="D1866" s="44">
        <v>675</v>
      </c>
      <c r="E1866" s="45">
        <v>39.9</v>
      </c>
      <c r="F1866" s="45">
        <v>37.5</v>
      </c>
      <c r="G1866" s="46">
        <v>22.7</v>
      </c>
    </row>
    <row r="1867" spans="1:25" x14ac:dyDescent="0.2">
      <c r="B1867" s="72"/>
      <c r="C1867" s="38" t="s">
        <v>41</v>
      </c>
      <c r="D1867" s="44">
        <v>168</v>
      </c>
      <c r="E1867" s="45">
        <v>39.299999999999997</v>
      </c>
      <c r="F1867" s="45">
        <v>39.9</v>
      </c>
      <c r="G1867" s="46">
        <v>20.8</v>
      </c>
    </row>
    <row r="1868" spans="1:25" x14ac:dyDescent="0.2">
      <c r="B1868" s="72"/>
      <c r="C1868" s="38" t="s">
        <v>42</v>
      </c>
      <c r="D1868" s="44">
        <v>290</v>
      </c>
      <c r="E1868" s="45">
        <v>43.1</v>
      </c>
      <c r="F1868" s="45">
        <v>40.700000000000003</v>
      </c>
      <c r="G1868" s="46">
        <v>16.2</v>
      </c>
    </row>
    <row r="1869" spans="1:25" x14ac:dyDescent="0.2">
      <c r="B1869" s="72"/>
      <c r="C1869" s="38" t="s">
        <v>43</v>
      </c>
      <c r="D1869" s="44">
        <v>231</v>
      </c>
      <c r="E1869" s="45">
        <v>42.4</v>
      </c>
      <c r="F1869" s="45">
        <v>38.1</v>
      </c>
      <c r="G1869" s="46">
        <v>19.5</v>
      </c>
    </row>
    <row r="1870" spans="1:25" x14ac:dyDescent="0.2">
      <c r="B1870" s="72"/>
      <c r="C1870" s="38" t="s">
        <v>44</v>
      </c>
      <c r="D1870" s="44">
        <v>800</v>
      </c>
      <c r="E1870" s="45">
        <v>38.5</v>
      </c>
      <c r="F1870" s="45">
        <v>39</v>
      </c>
      <c r="G1870" s="46">
        <v>22.5</v>
      </c>
    </row>
    <row r="1871" spans="1:25" x14ac:dyDescent="0.2">
      <c r="B1871" s="72"/>
      <c r="C1871" s="38" t="s">
        <v>45</v>
      </c>
      <c r="D1871" s="44">
        <v>240</v>
      </c>
      <c r="E1871" s="45">
        <v>42.9</v>
      </c>
      <c r="F1871" s="45">
        <v>40</v>
      </c>
      <c r="G1871" s="46">
        <v>17.100000000000001</v>
      </c>
    </row>
    <row r="1872" spans="1:25" x14ac:dyDescent="0.2">
      <c r="B1872" s="72"/>
      <c r="C1872" s="38" t="s">
        <v>46</v>
      </c>
      <c r="D1872" s="44">
        <v>117</v>
      </c>
      <c r="E1872" s="45">
        <v>43.6</v>
      </c>
      <c r="F1872" s="45">
        <v>35</v>
      </c>
      <c r="G1872" s="46">
        <v>21.4</v>
      </c>
    </row>
    <row r="1873" spans="1:25" x14ac:dyDescent="0.2">
      <c r="B1873" s="72"/>
      <c r="C1873" s="38" t="s">
        <v>47</v>
      </c>
      <c r="D1873" s="44">
        <v>461</v>
      </c>
      <c r="E1873" s="45">
        <v>41.6</v>
      </c>
      <c r="F1873" s="45">
        <v>40.299999999999997</v>
      </c>
      <c r="G1873" s="46">
        <v>18</v>
      </c>
    </row>
    <row r="1874" spans="1:25" ht="21.6" x14ac:dyDescent="0.2">
      <c r="B1874" s="72"/>
      <c r="C1874" s="39" t="s">
        <v>48</v>
      </c>
      <c r="D1874" s="47">
        <v>2307</v>
      </c>
      <c r="E1874" s="48">
        <v>40.9</v>
      </c>
      <c r="F1874" s="48">
        <v>39.4</v>
      </c>
      <c r="G1874" s="49">
        <v>19.8</v>
      </c>
    </row>
    <row r="1875" spans="1:25" x14ac:dyDescent="0.2">
      <c r="B1875" s="7" t="s">
        <v>49</v>
      </c>
      <c r="C1875" s="4" t="s">
        <v>222</v>
      </c>
    </row>
    <row r="1876" spans="1:25" x14ac:dyDescent="0.2">
      <c r="B1876" s="4"/>
      <c r="C1876" s="4" t="s">
        <v>51</v>
      </c>
    </row>
    <row r="1878" spans="1:25" x14ac:dyDescent="0.2">
      <c r="A1878" s="26" t="s">
        <v>25</v>
      </c>
      <c r="B1878" t="s">
        <v>35</v>
      </c>
      <c r="C1878" t="s">
        <v>35</v>
      </c>
    </row>
    <row r="1879" spans="1:25" x14ac:dyDescent="0.2">
      <c r="B1879" s="70" t="s">
        <v>223</v>
      </c>
      <c r="C1879" s="71"/>
      <c r="D1879" s="71"/>
      <c r="E1879" s="71"/>
      <c r="F1879" s="71"/>
      <c r="G1879" s="71"/>
      <c r="H1879" s="71"/>
      <c r="I1879" s="71"/>
      <c r="J1879" s="71"/>
      <c r="K1879" s="71"/>
      <c r="L1879" s="71"/>
      <c r="M1879" s="71"/>
      <c r="N1879" s="71"/>
      <c r="O1879" s="71"/>
      <c r="P1879" s="71"/>
      <c r="Q1879" s="71"/>
      <c r="R1879" s="71"/>
      <c r="S1879" s="71"/>
      <c r="T1879" s="71"/>
      <c r="U1879" s="71"/>
      <c r="V1879" s="71"/>
      <c r="W1879" s="71"/>
      <c r="X1879" s="71"/>
      <c r="Y1879" s="71"/>
    </row>
    <row r="1880" spans="1:25" s="32" customFormat="1" ht="36.450000000000003" customHeight="1" x14ac:dyDescent="0.15">
      <c r="A1880" s="31"/>
      <c r="D1880" s="33" t="s">
        <v>341</v>
      </c>
      <c r="E1880" s="36" t="s">
        <v>626</v>
      </c>
      <c r="F1880" s="51" t="s">
        <v>627</v>
      </c>
      <c r="G1880" s="37" t="s">
        <v>443</v>
      </c>
      <c r="H1880" s="35" t="s">
        <v>344</v>
      </c>
    </row>
    <row r="1881" spans="1:25" x14ac:dyDescent="0.2">
      <c r="B1881" s="5"/>
      <c r="C1881" s="40" t="s">
        <v>38</v>
      </c>
      <c r="D1881" s="41">
        <v>4307</v>
      </c>
      <c r="E1881" s="42">
        <v>45.5</v>
      </c>
      <c r="F1881" s="42">
        <v>30</v>
      </c>
      <c r="G1881" s="43">
        <v>24.5</v>
      </c>
    </row>
    <row r="1882" spans="1:25" x14ac:dyDescent="0.2">
      <c r="B1882" s="72" t="s">
        <v>37</v>
      </c>
      <c r="C1882" s="38" t="s">
        <v>39</v>
      </c>
      <c r="D1882" s="44">
        <v>1325</v>
      </c>
      <c r="E1882" s="45">
        <v>47.4</v>
      </c>
      <c r="F1882" s="45">
        <v>29.7</v>
      </c>
      <c r="G1882" s="46">
        <v>22.9</v>
      </c>
    </row>
    <row r="1883" spans="1:25" x14ac:dyDescent="0.2">
      <c r="B1883" s="72"/>
      <c r="C1883" s="38" t="s">
        <v>40</v>
      </c>
      <c r="D1883" s="44">
        <v>675</v>
      </c>
      <c r="E1883" s="45">
        <v>42.4</v>
      </c>
      <c r="F1883" s="45">
        <v>30.1</v>
      </c>
      <c r="G1883" s="46">
        <v>27.6</v>
      </c>
    </row>
    <row r="1884" spans="1:25" x14ac:dyDescent="0.2">
      <c r="B1884" s="72"/>
      <c r="C1884" s="38" t="s">
        <v>41</v>
      </c>
      <c r="D1884" s="44">
        <v>168</v>
      </c>
      <c r="E1884" s="45">
        <v>45.8</v>
      </c>
      <c r="F1884" s="45">
        <v>29.8</v>
      </c>
      <c r="G1884" s="46">
        <v>24.4</v>
      </c>
    </row>
    <row r="1885" spans="1:25" x14ac:dyDescent="0.2">
      <c r="B1885" s="72"/>
      <c r="C1885" s="38" t="s">
        <v>42</v>
      </c>
      <c r="D1885" s="44">
        <v>290</v>
      </c>
      <c r="E1885" s="45">
        <v>49</v>
      </c>
      <c r="F1885" s="45">
        <v>30.7</v>
      </c>
      <c r="G1885" s="46">
        <v>20.3</v>
      </c>
    </row>
    <row r="1886" spans="1:25" x14ac:dyDescent="0.2">
      <c r="B1886" s="72"/>
      <c r="C1886" s="38" t="s">
        <v>43</v>
      </c>
      <c r="D1886" s="44">
        <v>231</v>
      </c>
      <c r="E1886" s="45">
        <v>50.6</v>
      </c>
      <c r="F1886" s="45">
        <v>25.1</v>
      </c>
      <c r="G1886" s="46">
        <v>24.2</v>
      </c>
    </row>
    <row r="1887" spans="1:25" x14ac:dyDescent="0.2">
      <c r="B1887" s="72"/>
      <c r="C1887" s="38" t="s">
        <v>44</v>
      </c>
      <c r="D1887" s="44">
        <v>800</v>
      </c>
      <c r="E1887" s="45">
        <v>42.5</v>
      </c>
      <c r="F1887" s="45">
        <v>29.8</v>
      </c>
      <c r="G1887" s="46">
        <v>27.8</v>
      </c>
    </row>
    <row r="1888" spans="1:25" x14ac:dyDescent="0.2">
      <c r="B1888" s="72"/>
      <c r="C1888" s="38" t="s">
        <v>45</v>
      </c>
      <c r="D1888" s="44">
        <v>240</v>
      </c>
      <c r="E1888" s="45">
        <v>46.7</v>
      </c>
      <c r="F1888" s="45">
        <v>34.200000000000003</v>
      </c>
      <c r="G1888" s="46">
        <v>19.2</v>
      </c>
    </row>
    <row r="1889" spans="1:25" x14ac:dyDescent="0.2">
      <c r="B1889" s="72"/>
      <c r="C1889" s="38" t="s">
        <v>46</v>
      </c>
      <c r="D1889" s="44">
        <v>117</v>
      </c>
      <c r="E1889" s="45">
        <v>38.5</v>
      </c>
      <c r="F1889" s="45">
        <v>30.8</v>
      </c>
      <c r="G1889" s="46">
        <v>30.8</v>
      </c>
    </row>
    <row r="1890" spans="1:25" x14ac:dyDescent="0.2">
      <c r="B1890" s="72"/>
      <c r="C1890" s="38" t="s">
        <v>47</v>
      </c>
      <c r="D1890" s="44">
        <v>461</v>
      </c>
      <c r="E1890" s="45">
        <v>46</v>
      </c>
      <c r="F1890" s="45">
        <v>31.2</v>
      </c>
      <c r="G1890" s="46">
        <v>22.8</v>
      </c>
    </row>
    <row r="1891" spans="1:25" ht="21.6" x14ac:dyDescent="0.2">
      <c r="B1891" s="72"/>
      <c r="C1891" s="39" t="s">
        <v>48</v>
      </c>
      <c r="D1891" s="47">
        <v>2307</v>
      </c>
      <c r="E1891" s="48">
        <v>45.3</v>
      </c>
      <c r="F1891" s="48">
        <v>30.2</v>
      </c>
      <c r="G1891" s="49">
        <v>24.5</v>
      </c>
    </row>
    <row r="1892" spans="1:25" x14ac:dyDescent="0.2">
      <c r="B1892" s="7" t="s">
        <v>49</v>
      </c>
      <c r="C1892" s="4" t="s">
        <v>224</v>
      </c>
    </row>
    <row r="1893" spans="1:25" x14ac:dyDescent="0.2">
      <c r="B1893" s="4"/>
      <c r="C1893" s="4" t="s">
        <v>51</v>
      </c>
    </row>
    <row r="1895" spans="1:25" x14ac:dyDescent="0.2">
      <c r="A1895" s="26" t="s">
        <v>25</v>
      </c>
      <c r="B1895" t="s">
        <v>35</v>
      </c>
      <c r="C1895" t="s">
        <v>35</v>
      </c>
    </row>
    <row r="1896" spans="1:25" x14ac:dyDescent="0.2">
      <c r="B1896" s="70" t="s">
        <v>225</v>
      </c>
      <c r="C1896" s="71"/>
      <c r="D1896" s="71"/>
      <c r="E1896" s="71"/>
      <c r="F1896" s="71"/>
      <c r="G1896" s="71"/>
      <c r="H1896" s="71"/>
      <c r="I1896" s="71"/>
      <c r="J1896" s="71"/>
      <c r="K1896" s="71"/>
      <c r="L1896" s="71"/>
      <c r="M1896" s="71"/>
      <c r="N1896" s="71"/>
      <c r="O1896" s="71"/>
      <c r="P1896" s="71"/>
      <c r="Q1896" s="71"/>
      <c r="R1896" s="71"/>
      <c r="S1896" s="71"/>
      <c r="T1896" s="71"/>
      <c r="U1896" s="71"/>
      <c r="V1896" s="71"/>
      <c r="W1896" s="71"/>
      <c r="X1896" s="71"/>
      <c r="Y1896" s="71"/>
    </row>
    <row r="1897" spans="1:25" s="32" customFormat="1" ht="36.450000000000003" customHeight="1" x14ac:dyDescent="0.15">
      <c r="A1897" s="31"/>
      <c r="D1897" s="33" t="s">
        <v>341</v>
      </c>
      <c r="E1897" s="36" t="s">
        <v>626</v>
      </c>
      <c r="F1897" s="51" t="s">
        <v>627</v>
      </c>
      <c r="G1897" s="37" t="s">
        <v>443</v>
      </c>
      <c r="H1897" s="35" t="s">
        <v>344</v>
      </c>
    </row>
    <row r="1898" spans="1:25" x14ac:dyDescent="0.2">
      <c r="B1898" s="5"/>
      <c r="C1898" s="40" t="s">
        <v>38</v>
      </c>
      <c r="D1898" s="41">
        <v>4307</v>
      </c>
      <c r="E1898" s="42">
        <v>35.6</v>
      </c>
      <c r="F1898" s="42">
        <v>42.1</v>
      </c>
      <c r="G1898" s="43">
        <v>22.3</v>
      </c>
    </row>
    <row r="1899" spans="1:25" x14ac:dyDescent="0.2">
      <c r="B1899" s="72" t="s">
        <v>37</v>
      </c>
      <c r="C1899" s="38" t="s">
        <v>39</v>
      </c>
      <c r="D1899" s="44">
        <v>1325</v>
      </c>
      <c r="E1899" s="45">
        <v>35.5</v>
      </c>
      <c r="F1899" s="45">
        <v>42.5</v>
      </c>
      <c r="G1899" s="46">
        <v>22</v>
      </c>
    </row>
    <row r="1900" spans="1:25" x14ac:dyDescent="0.2">
      <c r="B1900" s="72"/>
      <c r="C1900" s="38" t="s">
        <v>40</v>
      </c>
      <c r="D1900" s="44">
        <v>675</v>
      </c>
      <c r="E1900" s="45">
        <v>32.299999999999997</v>
      </c>
      <c r="F1900" s="45">
        <v>43</v>
      </c>
      <c r="G1900" s="46">
        <v>24.7</v>
      </c>
    </row>
    <row r="1901" spans="1:25" x14ac:dyDescent="0.2">
      <c r="B1901" s="72"/>
      <c r="C1901" s="38" t="s">
        <v>41</v>
      </c>
      <c r="D1901" s="44">
        <v>168</v>
      </c>
      <c r="E1901" s="45">
        <v>40.5</v>
      </c>
      <c r="F1901" s="45">
        <v>35.700000000000003</v>
      </c>
      <c r="G1901" s="46">
        <v>23.8</v>
      </c>
    </row>
    <row r="1902" spans="1:25" x14ac:dyDescent="0.2">
      <c r="B1902" s="72"/>
      <c r="C1902" s="38" t="s">
        <v>42</v>
      </c>
      <c r="D1902" s="44">
        <v>290</v>
      </c>
      <c r="E1902" s="45">
        <v>39.299999999999997</v>
      </c>
      <c r="F1902" s="45">
        <v>42.8</v>
      </c>
      <c r="G1902" s="46">
        <v>17.899999999999999</v>
      </c>
    </row>
    <row r="1903" spans="1:25" x14ac:dyDescent="0.2">
      <c r="B1903" s="72"/>
      <c r="C1903" s="38" t="s">
        <v>43</v>
      </c>
      <c r="D1903" s="44">
        <v>231</v>
      </c>
      <c r="E1903" s="45">
        <v>40.700000000000003</v>
      </c>
      <c r="F1903" s="45">
        <v>35.1</v>
      </c>
      <c r="G1903" s="46">
        <v>24.2</v>
      </c>
    </row>
    <row r="1904" spans="1:25" x14ac:dyDescent="0.2">
      <c r="B1904" s="72"/>
      <c r="C1904" s="38" t="s">
        <v>44</v>
      </c>
      <c r="D1904" s="44">
        <v>800</v>
      </c>
      <c r="E1904" s="45">
        <v>32.799999999999997</v>
      </c>
      <c r="F1904" s="45">
        <v>43.6</v>
      </c>
      <c r="G1904" s="46">
        <v>23.6</v>
      </c>
    </row>
    <row r="1905" spans="1:25" x14ac:dyDescent="0.2">
      <c r="B1905" s="72"/>
      <c r="C1905" s="38" t="s">
        <v>45</v>
      </c>
      <c r="D1905" s="44">
        <v>240</v>
      </c>
      <c r="E1905" s="45">
        <v>40.799999999999997</v>
      </c>
      <c r="F1905" s="45">
        <v>40</v>
      </c>
      <c r="G1905" s="46">
        <v>19.2</v>
      </c>
    </row>
    <row r="1906" spans="1:25" x14ac:dyDescent="0.2">
      <c r="B1906" s="72"/>
      <c r="C1906" s="38" t="s">
        <v>46</v>
      </c>
      <c r="D1906" s="44">
        <v>117</v>
      </c>
      <c r="E1906" s="45">
        <v>35.9</v>
      </c>
      <c r="F1906" s="45">
        <v>43.6</v>
      </c>
      <c r="G1906" s="46">
        <v>20.5</v>
      </c>
    </row>
    <row r="1907" spans="1:25" x14ac:dyDescent="0.2">
      <c r="B1907" s="72"/>
      <c r="C1907" s="38" t="s">
        <v>47</v>
      </c>
      <c r="D1907" s="44">
        <v>461</v>
      </c>
      <c r="E1907" s="45">
        <v>36</v>
      </c>
      <c r="F1907" s="45">
        <v>43.2</v>
      </c>
      <c r="G1907" s="46">
        <v>20.8</v>
      </c>
    </row>
    <row r="1908" spans="1:25" ht="21.6" x14ac:dyDescent="0.2">
      <c r="B1908" s="72"/>
      <c r="C1908" s="39" t="s">
        <v>48</v>
      </c>
      <c r="D1908" s="47">
        <v>2307</v>
      </c>
      <c r="E1908" s="48">
        <v>36.6</v>
      </c>
      <c r="F1908" s="48">
        <v>41.6</v>
      </c>
      <c r="G1908" s="49">
        <v>21.8</v>
      </c>
    </row>
    <row r="1909" spans="1:25" x14ac:dyDescent="0.2">
      <c r="B1909" s="7" t="s">
        <v>49</v>
      </c>
      <c r="C1909" s="4" t="s">
        <v>226</v>
      </c>
    </row>
    <row r="1910" spans="1:25" x14ac:dyDescent="0.2">
      <c r="B1910" s="4"/>
      <c r="C1910" s="4" t="s">
        <v>51</v>
      </c>
    </row>
    <row r="1912" spans="1:25" x14ac:dyDescent="0.2">
      <c r="A1912" s="26" t="s">
        <v>25</v>
      </c>
      <c r="B1912" t="s">
        <v>35</v>
      </c>
      <c r="C1912" t="s">
        <v>35</v>
      </c>
    </row>
    <row r="1913" spans="1:25" x14ac:dyDescent="0.2">
      <c r="B1913" s="70" t="s">
        <v>227</v>
      </c>
      <c r="C1913" s="71"/>
      <c r="D1913" s="71"/>
      <c r="E1913" s="71"/>
      <c r="F1913" s="71"/>
      <c r="G1913" s="71"/>
      <c r="H1913" s="71"/>
      <c r="I1913" s="71"/>
      <c r="J1913" s="71"/>
      <c r="K1913" s="71"/>
      <c r="L1913" s="71"/>
      <c r="M1913" s="71"/>
      <c r="N1913" s="71"/>
      <c r="O1913" s="71"/>
      <c r="P1913" s="71"/>
      <c r="Q1913" s="71"/>
      <c r="R1913" s="71"/>
      <c r="S1913" s="71"/>
      <c r="T1913" s="71"/>
      <c r="U1913" s="71"/>
      <c r="V1913" s="71"/>
      <c r="W1913" s="71"/>
      <c r="X1913" s="71"/>
      <c r="Y1913" s="71"/>
    </row>
    <row r="1914" spans="1:25" s="32" customFormat="1" ht="25.65" customHeight="1" x14ac:dyDescent="0.15">
      <c r="A1914" s="31"/>
      <c r="D1914" s="33" t="s">
        <v>341</v>
      </c>
      <c r="E1914" s="36" t="s">
        <v>628</v>
      </c>
      <c r="F1914" s="37" t="s">
        <v>629</v>
      </c>
      <c r="G1914" s="35" t="s">
        <v>344</v>
      </c>
    </row>
    <row r="1915" spans="1:25" x14ac:dyDescent="0.2">
      <c r="B1915" s="5"/>
      <c r="C1915" s="40" t="s">
        <v>38</v>
      </c>
      <c r="D1915" s="41">
        <v>4307</v>
      </c>
      <c r="E1915" s="42">
        <v>26.9</v>
      </c>
      <c r="F1915" s="43">
        <v>73.099999999999994</v>
      </c>
    </row>
    <row r="1916" spans="1:25" x14ac:dyDescent="0.2">
      <c r="B1916" s="72" t="s">
        <v>37</v>
      </c>
      <c r="C1916" s="38" t="s">
        <v>39</v>
      </c>
      <c r="D1916" s="44">
        <v>1325</v>
      </c>
      <c r="E1916" s="45">
        <v>28.2</v>
      </c>
      <c r="F1916" s="46">
        <v>71.8</v>
      </c>
    </row>
    <row r="1917" spans="1:25" x14ac:dyDescent="0.2">
      <c r="B1917" s="72"/>
      <c r="C1917" s="38" t="s">
        <v>40</v>
      </c>
      <c r="D1917" s="44">
        <v>675</v>
      </c>
      <c r="E1917" s="45">
        <v>28.6</v>
      </c>
      <c r="F1917" s="46">
        <v>71.400000000000006</v>
      </c>
    </row>
    <row r="1918" spans="1:25" x14ac:dyDescent="0.2">
      <c r="B1918" s="72"/>
      <c r="C1918" s="38" t="s">
        <v>41</v>
      </c>
      <c r="D1918" s="44">
        <v>168</v>
      </c>
      <c r="E1918" s="45">
        <v>23.2</v>
      </c>
      <c r="F1918" s="46">
        <v>76.8</v>
      </c>
    </row>
    <row r="1919" spans="1:25" x14ac:dyDescent="0.2">
      <c r="B1919" s="72"/>
      <c r="C1919" s="38" t="s">
        <v>42</v>
      </c>
      <c r="D1919" s="44">
        <v>290</v>
      </c>
      <c r="E1919" s="45">
        <v>22.8</v>
      </c>
      <c r="F1919" s="46">
        <v>77.2</v>
      </c>
    </row>
    <row r="1920" spans="1:25" x14ac:dyDescent="0.2">
      <c r="B1920" s="72"/>
      <c r="C1920" s="38" t="s">
        <v>43</v>
      </c>
      <c r="D1920" s="44">
        <v>231</v>
      </c>
      <c r="E1920" s="45">
        <v>26</v>
      </c>
      <c r="F1920" s="46">
        <v>74</v>
      </c>
    </row>
    <row r="1921" spans="1:25" x14ac:dyDescent="0.2">
      <c r="B1921" s="72"/>
      <c r="C1921" s="38" t="s">
        <v>44</v>
      </c>
      <c r="D1921" s="44">
        <v>800</v>
      </c>
      <c r="E1921" s="45">
        <v>26.8</v>
      </c>
      <c r="F1921" s="46">
        <v>73.3</v>
      </c>
    </row>
    <row r="1922" spans="1:25" x14ac:dyDescent="0.2">
      <c r="B1922" s="72"/>
      <c r="C1922" s="38" t="s">
        <v>45</v>
      </c>
      <c r="D1922" s="44">
        <v>240</v>
      </c>
      <c r="E1922" s="45">
        <v>28.3</v>
      </c>
      <c r="F1922" s="46">
        <v>71.7</v>
      </c>
    </row>
    <row r="1923" spans="1:25" x14ac:dyDescent="0.2">
      <c r="B1923" s="72"/>
      <c r="C1923" s="38" t="s">
        <v>46</v>
      </c>
      <c r="D1923" s="44">
        <v>117</v>
      </c>
      <c r="E1923" s="45">
        <v>23.9</v>
      </c>
      <c r="F1923" s="46">
        <v>76.099999999999994</v>
      </c>
    </row>
    <row r="1924" spans="1:25" x14ac:dyDescent="0.2">
      <c r="B1924" s="72"/>
      <c r="C1924" s="38" t="s">
        <v>47</v>
      </c>
      <c r="D1924" s="44">
        <v>461</v>
      </c>
      <c r="E1924" s="45">
        <v>25.2</v>
      </c>
      <c r="F1924" s="46">
        <v>74.8</v>
      </c>
    </row>
    <row r="1925" spans="1:25" ht="21.6" x14ac:dyDescent="0.2">
      <c r="B1925" s="72"/>
      <c r="C1925" s="39" t="s">
        <v>48</v>
      </c>
      <c r="D1925" s="47">
        <v>2307</v>
      </c>
      <c r="E1925" s="48">
        <v>25.6</v>
      </c>
      <c r="F1925" s="49">
        <v>74.400000000000006</v>
      </c>
    </row>
    <row r="1926" spans="1:25" x14ac:dyDescent="0.2">
      <c r="B1926" s="7" t="s">
        <v>49</v>
      </c>
      <c r="C1926" s="4" t="s">
        <v>228</v>
      </c>
    </row>
    <row r="1927" spans="1:25" x14ac:dyDescent="0.2">
      <c r="B1927" s="4"/>
      <c r="C1927" s="4" t="s">
        <v>51</v>
      </c>
    </row>
    <row r="1929" spans="1:25" x14ac:dyDescent="0.2">
      <c r="A1929" s="26" t="s">
        <v>25</v>
      </c>
      <c r="B1929" t="s">
        <v>35</v>
      </c>
      <c r="C1929" t="s">
        <v>35</v>
      </c>
    </row>
    <row r="1930" spans="1:25" x14ac:dyDescent="0.2">
      <c r="B1930" s="70" t="s">
        <v>229</v>
      </c>
      <c r="C1930" s="71"/>
      <c r="D1930" s="71"/>
      <c r="E1930" s="71"/>
      <c r="F1930" s="71"/>
      <c r="G1930" s="71"/>
      <c r="H1930" s="71"/>
      <c r="I1930" s="71"/>
      <c r="J1930" s="71"/>
      <c r="K1930" s="71"/>
      <c r="L1930" s="71"/>
      <c r="M1930" s="71"/>
      <c r="N1930" s="71"/>
      <c r="O1930" s="71"/>
      <c r="P1930" s="71"/>
      <c r="Q1930" s="71"/>
      <c r="R1930" s="71"/>
      <c r="S1930" s="71"/>
      <c r="T1930" s="71"/>
      <c r="U1930" s="71"/>
      <c r="V1930" s="71"/>
      <c r="W1930" s="71"/>
      <c r="X1930" s="71"/>
      <c r="Y1930" s="71"/>
    </row>
    <row r="1931" spans="1:25" s="32" customFormat="1" ht="25.65" customHeight="1" x14ac:dyDescent="0.15">
      <c r="A1931" s="31"/>
      <c r="D1931" s="33" t="s">
        <v>341</v>
      </c>
      <c r="E1931" s="36" t="s">
        <v>628</v>
      </c>
      <c r="F1931" s="37" t="s">
        <v>629</v>
      </c>
      <c r="G1931" s="35" t="s">
        <v>344</v>
      </c>
    </row>
    <row r="1932" spans="1:25" x14ac:dyDescent="0.2">
      <c r="B1932" s="5"/>
      <c r="C1932" s="40" t="s">
        <v>38</v>
      </c>
      <c r="D1932" s="41">
        <v>4307</v>
      </c>
      <c r="E1932" s="42">
        <v>16.2</v>
      </c>
      <c r="F1932" s="43">
        <v>83.8</v>
      </c>
    </row>
    <row r="1933" spans="1:25" x14ac:dyDescent="0.2">
      <c r="B1933" s="72" t="s">
        <v>37</v>
      </c>
      <c r="C1933" s="38" t="s">
        <v>39</v>
      </c>
      <c r="D1933" s="44">
        <v>1325</v>
      </c>
      <c r="E1933" s="45">
        <v>15.7</v>
      </c>
      <c r="F1933" s="46">
        <v>84.3</v>
      </c>
    </row>
    <row r="1934" spans="1:25" x14ac:dyDescent="0.2">
      <c r="B1934" s="72"/>
      <c r="C1934" s="38" t="s">
        <v>40</v>
      </c>
      <c r="D1934" s="44">
        <v>675</v>
      </c>
      <c r="E1934" s="45">
        <v>16.899999999999999</v>
      </c>
      <c r="F1934" s="46">
        <v>83.1</v>
      </c>
    </row>
    <row r="1935" spans="1:25" x14ac:dyDescent="0.2">
      <c r="B1935" s="72"/>
      <c r="C1935" s="38" t="s">
        <v>41</v>
      </c>
      <c r="D1935" s="44">
        <v>168</v>
      </c>
      <c r="E1935" s="45">
        <v>15.5</v>
      </c>
      <c r="F1935" s="46">
        <v>84.5</v>
      </c>
    </row>
    <row r="1936" spans="1:25" x14ac:dyDescent="0.2">
      <c r="B1936" s="72"/>
      <c r="C1936" s="38" t="s">
        <v>42</v>
      </c>
      <c r="D1936" s="44">
        <v>290</v>
      </c>
      <c r="E1936" s="45">
        <v>13.4</v>
      </c>
      <c r="F1936" s="46">
        <v>86.6</v>
      </c>
    </row>
    <row r="1937" spans="1:25" x14ac:dyDescent="0.2">
      <c r="B1937" s="72"/>
      <c r="C1937" s="38" t="s">
        <v>43</v>
      </c>
      <c r="D1937" s="44">
        <v>231</v>
      </c>
      <c r="E1937" s="45">
        <v>14.3</v>
      </c>
      <c r="F1937" s="46">
        <v>85.7</v>
      </c>
    </row>
    <row r="1938" spans="1:25" x14ac:dyDescent="0.2">
      <c r="B1938" s="72"/>
      <c r="C1938" s="38" t="s">
        <v>44</v>
      </c>
      <c r="D1938" s="44">
        <v>800</v>
      </c>
      <c r="E1938" s="45">
        <v>16.3</v>
      </c>
      <c r="F1938" s="46">
        <v>83.8</v>
      </c>
    </row>
    <row r="1939" spans="1:25" x14ac:dyDescent="0.2">
      <c r="B1939" s="72"/>
      <c r="C1939" s="38" t="s">
        <v>45</v>
      </c>
      <c r="D1939" s="44">
        <v>240</v>
      </c>
      <c r="E1939" s="45">
        <v>16.7</v>
      </c>
      <c r="F1939" s="46">
        <v>83.3</v>
      </c>
    </row>
    <row r="1940" spans="1:25" x14ac:dyDescent="0.2">
      <c r="B1940" s="72"/>
      <c r="C1940" s="38" t="s">
        <v>46</v>
      </c>
      <c r="D1940" s="44">
        <v>117</v>
      </c>
      <c r="E1940" s="45">
        <v>14.5</v>
      </c>
      <c r="F1940" s="46">
        <v>85.5</v>
      </c>
    </row>
    <row r="1941" spans="1:25" x14ac:dyDescent="0.2">
      <c r="B1941" s="72"/>
      <c r="C1941" s="38" t="s">
        <v>47</v>
      </c>
      <c r="D1941" s="44">
        <v>461</v>
      </c>
      <c r="E1941" s="45">
        <v>19.5</v>
      </c>
      <c r="F1941" s="46">
        <v>80.5</v>
      </c>
    </row>
    <row r="1942" spans="1:25" ht="21.6" x14ac:dyDescent="0.2">
      <c r="B1942" s="72"/>
      <c r="C1942" s="39" t="s">
        <v>48</v>
      </c>
      <c r="D1942" s="47">
        <v>2307</v>
      </c>
      <c r="E1942" s="48">
        <v>16.3</v>
      </c>
      <c r="F1942" s="49">
        <v>83.7</v>
      </c>
    </row>
    <row r="1943" spans="1:25" x14ac:dyDescent="0.2">
      <c r="B1943" s="7" t="s">
        <v>49</v>
      </c>
      <c r="C1943" s="4" t="s">
        <v>230</v>
      </c>
    </row>
    <row r="1944" spans="1:25" x14ac:dyDescent="0.2">
      <c r="B1944" s="4"/>
      <c r="C1944" s="4" t="s">
        <v>51</v>
      </c>
    </row>
    <row r="1946" spans="1:25" x14ac:dyDescent="0.2">
      <c r="A1946" s="26" t="s">
        <v>25</v>
      </c>
      <c r="B1946" t="s">
        <v>35</v>
      </c>
      <c r="C1946" t="s">
        <v>35</v>
      </c>
    </row>
    <row r="1947" spans="1:25" x14ac:dyDescent="0.2">
      <c r="B1947" s="70" t="s">
        <v>231</v>
      </c>
      <c r="C1947" s="71"/>
      <c r="D1947" s="71"/>
      <c r="E1947" s="71"/>
      <c r="F1947" s="71"/>
      <c r="G1947" s="71"/>
      <c r="H1947" s="71"/>
      <c r="I1947" s="71"/>
      <c r="J1947" s="71"/>
      <c r="K1947" s="71"/>
      <c r="L1947" s="71"/>
      <c r="M1947" s="71"/>
      <c r="N1947" s="71"/>
      <c r="O1947" s="71"/>
      <c r="P1947" s="71"/>
      <c r="Q1947" s="71"/>
      <c r="R1947" s="71"/>
      <c r="S1947" s="71"/>
      <c r="T1947" s="71"/>
      <c r="U1947" s="71"/>
      <c r="V1947" s="71"/>
      <c r="W1947" s="71"/>
      <c r="X1947" s="71"/>
      <c r="Y1947" s="71"/>
    </row>
    <row r="1948" spans="1:25" s="32" customFormat="1" ht="25.65" customHeight="1" x14ac:dyDescent="0.15">
      <c r="A1948" s="31"/>
      <c r="D1948" s="33" t="s">
        <v>341</v>
      </c>
      <c r="E1948" s="36" t="s">
        <v>628</v>
      </c>
      <c r="F1948" s="37" t="s">
        <v>629</v>
      </c>
      <c r="G1948" s="35" t="s">
        <v>344</v>
      </c>
    </row>
    <row r="1949" spans="1:25" x14ac:dyDescent="0.2">
      <c r="B1949" s="5"/>
      <c r="C1949" s="40" t="s">
        <v>38</v>
      </c>
      <c r="D1949" s="41">
        <v>4307</v>
      </c>
      <c r="E1949" s="42">
        <v>13.3</v>
      </c>
      <c r="F1949" s="43">
        <v>86.7</v>
      </c>
    </row>
    <row r="1950" spans="1:25" x14ac:dyDescent="0.2">
      <c r="B1950" s="72" t="s">
        <v>37</v>
      </c>
      <c r="C1950" s="38" t="s">
        <v>39</v>
      </c>
      <c r="D1950" s="44">
        <v>1325</v>
      </c>
      <c r="E1950" s="45">
        <v>12.4</v>
      </c>
      <c r="F1950" s="46">
        <v>87.6</v>
      </c>
    </row>
    <row r="1951" spans="1:25" x14ac:dyDescent="0.2">
      <c r="B1951" s="72"/>
      <c r="C1951" s="38" t="s">
        <v>40</v>
      </c>
      <c r="D1951" s="44">
        <v>675</v>
      </c>
      <c r="E1951" s="45">
        <v>12.4</v>
      </c>
      <c r="F1951" s="46">
        <v>87.6</v>
      </c>
    </row>
    <row r="1952" spans="1:25" x14ac:dyDescent="0.2">
      <c r="B1952" s="72"/>
      <c r="C1952" s="38" t="s">
        <v>41</v>
      </c>
      <c r="D1952" s="44">
        <v>168</v>
      </c>
      <c r="E1952" s="45">
        <v>15.5</v>
      </c>
      <c r="F1952" s="46">
        <v>84.5</v>
      </c>
    </row>
    <row r="1953" spans="1:25" x14ac:dyDescent="0.2">
      <c r="B1953" s="72"/>
      <c r="C1953" s="38" t="s">
        <v>42</v>
      </c>
      <c r="D1953" s="44">
        <v>290</v>
      </c>
      <c r="E1953" s="45">
        <v>11.7</v>
      </c>
      <c r="F1953" s="46">
        <v>88.3</v>
      </c>
    </row>
    <row r="1954" spans="1:25" x14ac:dyDescent="0.2">
      <c r="B1954" s="72"/>
      <c r="C1954" s="38" t="s">
        <v>43</v>
      </c>
      <c r="D1954" s="44">
        <v>231</v>
      </c>
      <c r="E1954" s="45">
        <v>11.3</v>
      </c>
      <c r="F1954" s="46">
        <v>88.7</v>
      </c>
    </row>
    <row r="1955" spans="1:25" x14ac:dyDescent="0.2">
      <c r="B1955" s="72"/>
      <c r="C1955" s="38" t="s">
        <v>44</v>
      </c>
      <c r="D1955" s="44">
        <v>800</v>
      </c>
      <c r="E1955" s="45">
        <v>15</v>
      </c>
      <c r="F1955" s="46">
        <v>85</v>
      </c>
    </row>
    <row r="1956" spans="1:25" x14ac:dyDescent="0.2">
      <c r="B1956" s="72"/>
      <c r="C1956" s="38" t="s">
        <v>45</v>
      </c>
      <c r="D1956" s="44">
        <v>240</v>
      </c>
      <c r="E1956" s="45">
        <v>13.8</v>
      </c>
      <c r="F1956" s="46">
        <v>86.3</v>
      </c>
    </row>
    <row r="1957" spans="1:25" x14ac:dyDescent="0.2">
      <c r="B1957" s="72"/>
      <c r="C1957" s="38" t="s">
        <v>46</v>
      </c>
      <c r="D1957" s="44">
        <v>117</v>
      </c>
      <c r="E1957" s="45">
        <v>15.4</v>
      </c>
      <c r="F1957" s="46">
        <v>84.6</v>
      </c>
    </row>
    <row r="1958" spans="1:25" x14ac:dyDescent="0.2">
      <c r="B1958" s="72"/>
      <c r="C1958" s="38" t="s">
        <v>47</v>
      </c>
      <c r="D1958" s="44">
        <v>461</v>
      </c>
      <c r="E1958" s="45">
        <v>14.3</v>
      </c>
      <c r="F1958" s="46">
        <v>85.7</v>
      </c>
    </row>
    <row r="1959" spans="1:25" ht="21.6" x14ac:dyDescent="0.2">
      <c r="B1959" s="72"/>
      <c r="C1959" s="39" t="s">
        <v>48</v>
      </c>
      <c r="D1959" s="47">
        <v>2307</v>
      </c>
      <c r="E1959" s="48">
        <v>14</v>
      </c>
      <c r="F1959" s="49">
        <v>86</v>
      </c>
    </row>
    <row r="1960" spans="1:25" x14ac:dyDescent="0.2">
      <c r="B1960" s="7" t="s">
        <v>49</v>
      </c>
      <c r="C1960" s="4" t="s">
        <v>232</v>
      </c>
    </row>
    <row r="1961" spans="1:25" x14ac:dyDescent="0.2">
      <c r="B1961" s="4"/>
      <c r="C1961" s="4" t="s">
        <v>51</v>
      </c>
    </row>
    <row r="1963" spans="1:25" x14ac:dyDescent="0.2">
      <c r="A1963" s="26" t="s">
        <v>25</v>
      </c>
      <c r="B1963" t="s">
        <v>35</v>
      </c>
      <c r="C1963" t="s">
        <v>35</v>
      </c>
    </row>
    <row r="1964" spans="1:25" x14ac:dyDescent="0.2">
      <c r="B1964" s="70" t="s">
        <v>233</v>
      </c>
      <c r="C1964" s="71"/>
      <c r="D1964" s="71"/>
      <c r="E1964" s="71"/>
      <c r="F1964" s="71"/>
      <c r="G1964" s="71"/>
      <c r="H1964" s="71"/>
      <c r="I1964" s="71"/>
      <c r="J1964" s="71"/>
      <c r="K1964" s="71"/>
      <c r="L1964" s="71"/>
      <c r="M1964" s="71"/>
      <c r="N1964" s="71"/>
      <c r="O1964" s="71"/>
      <c r="P1964" s="71"/>
      <c r="Q1964" s="71"/>
      <c r="R1964" s="71"/>
      <c r="S1964" s="71"/>
      <c r="T1964" s="71"/>
      <c r="U1964" s="71"/>
      <c r="V1964" s="71"/>
      <c r="W1964" s="71"/>
      <c r="X1964" s="71"/>
      <c r="Y1964" s="71"/>
    </row>
    <row r="1965" spans="1:25" s="32" customFormat="1" ht="25.65" customHeight="1" x14ac:dyDescent="0.15">
      <c r="A1965" s="31"/>
      <c r="D1965" s="33" t="s">
        <v>341</v>
      </c>
      <c r="E1965" s="36" t="s">
        <v>628</v>
      </c>
      <c r="F1965" s="37" t="s">
        <v>629</v>
      </c>
      <c r="G1965" s="35" t="s">
        <v>344</v>
      </c>
    </row>
    <row r="1966" spans="1:25" x14ac:dyDescent="0.2">
      <c r="B1966" s="5"/>
      <c r="C1966" s="40" t="s">
        <v>38</v>
      </c>
      <c r="D1966" s="41">
        <v>4307</v>
      </c>
      <c r="E1966" s="42">
        <v>30.9</v>
      </c>
      <c r="F1966" s="43">
        <v>69.099999999999994</v>
      </c>
    </row>
    <row r="1967" spans="1:25" x14ac:dyDescent="0.2">
      <c r="B1967" s="72" t="s">
        <v>37</v>
      </c>
      <c r="C1967" s="38" t="s">
        <v>39</v>
      </c>
      <c r="D1967" s="44">
        <v>1325</v>
      </c>
      <c r="E1967" s="45">
        <v>33.4</v>
      </c>
      <c r="F1967" s="46">
        <v>66.599999999999994</v>
      </c>
    </row>
    <row r="1968" spans="1:25" x14ac:dyDescent="0.2">
      <c r="B1968" s="72"/>
      <c r="C1968" s="38" t="s">
        <v>40</v>
      </c>
      <c r="D1968" s="44">
        <v>675</v>
      </c>
      <c r="E1968" s="45">
        <v>29.8</v>
      </c>
      <c r="F1968" s="46">
        <v>70.2</v>
      </c>
    </row>
    <row r="1969" spans="1:25" x14ac:dyDescent="0.2">
      <c r="B1969" s="72"/>
      <c r="C1969" s="38" t="s">
        <v>41</v>
      </c>
      <c r="D1969" s="44">
        <v>168</v>
      </c>
      <c r="E1969" s="45">
        <v>25</v>
      </c>
      <c r="F1969" s="46">
        <v>75</v>
      </c>
    </row>
    <row r="1970" spans="1:25" x14ac:dyDescent="0.2">
      <c r="B1970" s="72"/>
      <c r="C1970" s="38" t="s">
        <v>42</v>
      </c>
      <c r="D1970" s="44">
        <v>290</v>
      </c>
      <c r="E1970" s="45">
        <v>26.2</v>
      </c>
      <c r="F1970" s="46">
        <v>73.8</v>
      </c>
    </row>
    <row r="1971" spans="1:25" x14ac:dyDescent="0.2">
      <c r="B1971" s="72"/>
      <c r="C1971" s="38" t="s">
        <v>43</v>
      </c>
      <c r="D1971" s="44">
        <v>231</v>
      </c>
      <c r="E1971" s="45">
        <v>30.7</v>
      </c>
      <c r="F1971" s="46">
        <v>69.3</v>
      </c>
    </row>
    <row r="1972" spans="1:25" x14ac:dyDescent="0.2">
      <c r="B1972" s="72"/>
      <c r="C1972" s="38" t="s">
        <v>44</v>
      </c>
      <c r="D1972" s="44">
        <v>800</v>
      </c>
      <c r="E1972" s="45">
        <v>32.799999999999997</v>
      </c>
      <c r="F1972" s="46">
        <v>67.3</v>
      </c>
    </row>
    <row r="1973" spans="1:25" x14ac:dyDescent="0.2">
      <c r="B1973" s="72"/>
      <c r="C1973" s="38" t="s">
        <v>45</v>
      </c>
      <c r="D1973" s="44">
        <v>240</v>
      </c>
      <c r="E1973" s="45">
        <v>28.8</v>
      </c>
      <c r="F1973" s="46">
        <v>71.3</v>
      </c>
    </row>
    <row r="1974" spans="1:25" x14ac:dyDescent="0.2">
      <c r="B1974" s="72"/>
      <c r="C1974" s="38" t="s">
        <v>46</v>
      </c>
      <c r="D1974" s="44">
        <v>117</v>
      </c>
      <c r="E1974" s="45">
        <v>25.6</v>
      </c>
      <c r="F1974" s="46">
        <v>74.400000000000006</v>
      </c>
    </row>
    <row r="1975" spans="1:25" x14ac:dyDescent="0.2">
      <c r="B1975" s="72"/>
      <c r="C1975" s="38" t="s">
        <v>47</v>
      </c>
      <c r="D1975" s="44">
        <v>461</v>
      </c>
      <c r="E1975" s="45">
        <v>29.5</v>
      </c>
      <c r="F1975" s="46">
        <v>70.5</v>
      </c>
    </row>
    <row r="1976" spans="1:25" ht="21.6" x14ac:dyDescent="0.2">
      <c r="B1976" s="72"/>
      <c r="C1976" s="39" t="s">
        <v>48</v>
      </c>
      <c r="D1976" s="47">
        <v>2307</v>
      </c>
      <c r="E1976" s="48">
        <v>29.7</v>
      </c>
      <c r="F1976" s="49">
        <v>70.3</v>
      </c>
    </row>
    <row r="1977" spans="1:25" x14ac:dyDescent="0.2">
      <c r="B1977" s="7" t="s">
        <v>49</v>
      </c>
      <c r="C1977" s="4" t="s">
        <v>234</v>
      </c>
    </row>
    <row r="1978" spans="1:25" x14ac:dyDescent="0.2">
      <c r="B1978" s="4"/>
      <c r="C1978" s="4" t="s">
        <v>51</v>
      </c>
    </row>
    <row r="1980" spans="1:25" x14ac:dyDescent="0.2">
      <c r="A1980" s="26" t="s">
        <v>25</v>
      </c>
      <c r="B1980" t="s">
        <v>35</v>
      </c>
      <c r="C1980" t="s">
        <v>35</v>
      </c>
    </row>
    <row r="1981" spans="1:25" x14ac:dyDescent="0.2">
      <c r="B1981" s="70" t="s">
        <v>235</v>
      </c>
      <c r="C1981" s="71"/>
      <c r="D1981" s="71"/>
      <c r="E1981" s="71"/>
      <c r="F1981" s="71"/>
      <c r="G1981" s="71"/>
      <c r="H1981" s="71"/>
      <c r="I1981" s="71"/>
      <c r="J1981" s="71"/>
      <c r="K1981" s="71"/>
      <c r="L1981" s="71"/>
      <c r="M1981" s="71"/>
      <c r="N1981" s="71"/>
      <c r="O1981" s="71"/>
      <c r="P1981" s="71"/>
      <c r="Q1981" s="71"/>
      <c r="R1981" s="71"/>
      <c r="S1981" s="71"/>
      <c r="T1981" s="71"/>
      <c r="U1981" s="71"/>
      <c r="V1981" s="71"/>
      <c r="W1981" s="71"/>
      <c r="X1981" s="71"/>
      <c r="Y1981" s="71"/>
    </row>
    <row r="1982" spans="1:25" s="32" customFormat="1" ht="68.849999999999994" customHeight="1" x14ac:dyDescent="0.15">
      <c r="A1982" s="31"/>
      <c r="D1982" s="33" t="s">
        <v>341</v>
      </c>
      <c r="E1982" s="36" t="s">
        <v>630</v>
      </c>
      <c r="F1982" s="51" t="s">
        <v>631</v>
      </c>
      <c r="G1982" s="51" t="s">
        <v>632</v>
      </c>
      <c r="H1982" s="51" t="s">
        <v>633</v>
      </c>
      <c r="I1982" s="51" t="s">
        <v>634</v>
      </c>
      <c r="J1982" s="51" t="s">
        <v>635</v>
      </c>
      <c r="K1982" s="51" t="s">
        <v>636</v>
      </c>
      <c r="L1982" s="37" t="s">
        <v>637</v>
      </c>
      <c r="M1982" s="35" t="s">
        <v>344</v>
      </c>
    </row>
    <row r="1983" spans="1:25" x14ac:dyDescent="0.2">
      <c r="B1983" s="5"/>
      <c r="C1983" s="40" t="s">
        <v>38</v>
      </c>
      <c r="D1983" s="41">
        <v>4307</v>
      </c>
      <c r="E1983" s="42">
        <v>2.2999999999999998</v>
      </c>
      <c r="F1983" s="42">
        <v>1.6</v>
      </c>
      <c r="G1983" s="42">
        <v>1.4</v>
      </c>
      <c r="H1983" s="42">
        <v>1.3</v>
      </c>
      <c r="I1983" s="42">
        <v>2</v>
      </c>
      <c r="J1983" s="42">
        <v>0.4</v>
      </c>
      <c r="K1983" s="42">
        <v>0.5</v>
      </c>
      <c r="L1983" s="43">
        <v>90.4</v>
      </c>
    </row>
    <row r="1984" spans="1:25" x14ac:dyDescent="0.2">
      <c r="B1984" s="72" t="s">
        <v>37</v>
      </c>
      <c r="C1984" s="38" t="s">
        <v>39</v>
      </c>
      <c r="D1984" s="44">
        <v>1325</v>
      </c>
      <c r="E1984" s="45">
        <v>3.5</v>
      </c>
      <c r="F1984" s="45">
        <v>2.2999999999999998</v>
      </c>
      <c r="G1984" s="45">
        <v>1.6</v>
      </c>
      <c r="H1984" s="45">
        <v>1.7</v>
      </c>
      <c r="I1984" s="45">
        <v>2.5</v>
      </c>
      <c r="J1984" s="45">
        <v>0.3</v>
      </c>
      <c r="K1984" s="45">
        <v>0.5</v>
      </c>
      <c r="L1984" s="46">
        <v>87.6</v>
      </c>
    </row>
    <row r="1985" spans="1:25" x14ac:dyDescent="0.2">
      <c r="B1985" s="72"/>
      <c r="C1985" s="38" t="s">
        <v>40</v>
      </c>
      <c r="D1985" s="44">
        <v>675</v>
      </c>
      <c r="E1985" s="45">
        <v>2.4</v>
      </c>
      <c r="F1985" s="45">
        <v>1.3</v>
      </c>
      <c r="G1985" s="45">
        <v>1.9</v>
      </c>
      <c r="H1985" s="45">
        <v>1.6</v>
      </c>
      <c r="I1985" s="45">
        <v>1.5</v>
      </c>
      <c r="J1985" s="45">
        <v>0.9</v>
      </c>
      <c r="K1985" s="45">
        <v>0.6</v>
      </c>
      <c r="L1985" s="46">
        <v>89.8</v>
      </c>
    </row>
    <row r="1986" spans="1:25" x14ac:dyDescent="0.2">
      <c r="B1986" s="72"/>
      <c r="C1986" s="38" t="s">
        <v>41</v>
      </c>
      <c r="D1986" s="44">
        <v>168</v>
      </c>
      <c r="E1986" s="45">
        <v>1.8</v>
      </c>
      <c r="F1986" s="45">
        <v>1.2</v>
      </c>
      <c r="G1986" s="45">
        <v>1.2</v>
      </c>
      <c r="H1986" s="45">
        <v>0.6</v>
      </c>
      <c r="I1986" s="45">
        <v>0.6</v>
      </c>
      <c r="J1986" s="45">
        <v>0.6</v>
      </c>
      <c r="K1986" s="45">
        <v>0</v>
      </c>
      <c r="L1986" s="46">
        <v>94</v>
      </c>
    </row>
    <row r="1987" spans="1:25" x14ac:dyDescent="0.2">
      <c r="B1987" s="72"/>
      <c r="C1987" s="38" t="s">
        <v>42</v>
      </c>
      <c r="D1987" s="44">
        <v>290</v>
      </c>
      <c r="E1987" s="45">
        <v>0.7</v>
      </c>
      <c r="F1987" s="45">
        <v>2.1</v>
      </c>
      <c r="G1987" s="45">
        <v>0</v>
      </c>
      <c r="H1987" s="45">
        <v>0.7</v>
      </c>
      <c r="I1987" s="45">
        <v>1</v>
      </c>
      <c r="J1987" s="45">
        <v>0</v>
      </c>
      <c r="K1987" s="45">
        <v>0.3</v>
      </c>
      <c r="L1987" s="46">
        <v>95.2</v>
      </c>
    </row>
    <row r="1988" spans="1:25" x14ac:dyDescent="0.2">
      <c r="B1988" s="72"/>
      <c r="C1988" s="38" t="s">
        <v>43</v>
      </c>
      <c r="D1988" s="44">
        <v>231</v>
      </c>
      <c r="E1988" s="45">
        <v>0.9</v>
      </c>
      <c r="F1988" s="45">
        <v>0.9</v>
      </c>
      <c r="G1988" s="45">
        <v>0.9</v>
      </c>
      <c r="H1988" s="45">
        <v>1.7</v>
      </c>
      <c r="I1988" s="45">
        <v>0.9</v>
      </c>
      <c r="J1988" s="45">
        <v>0</v>
      </c>
      <c r="K1988" s="45">
        <v>0</v>
      </c>
      <c r="L1988" s="46">
        <v>94.8</v>
      </c>
    </row>
    <row r="1989" spans="1:25" x14ac:dyDescent="0.2">
      <c r="B1989" s="72"/>
      <c r="C1989" s="38" t="s">
        <v>44</v>
      </c>
      <c r="D1989" s="44">
        <v>800</v>
      </c>
      <c r="E1989" s="45">
        <v>2</v>
      </c>
      <c r="F1989" s="45">
        <v>1.5</v>
      </c>
      <c r="G1989" s="45">
        <v>1.9</v>
      </c>
      <c r="H1989" s="45">
        <v>0.5</v>
      </c>
      <c r="I1989" s="45">
        <v>2.2999999999999998</v>
      </c>
      <c r="J1989" s="45">
        <v>0.1</v>
      </c>
      <c r="K1989" s="45">
        <v>0.8</v>
      </c>
      <c r="L1989" s="46">
        <v>91</v>
      </c>
    </row>
    <row r="1990" spans="1:25" x14ac:dyDescent="0.2">
      <c r="B1990" s="72"/>
      <c r="C1990" s="38" t="s">
        <v>45</v>
      </c>
      <c r="D1990" s="44">
        <v>240</v>
      </c>
      <c r="E1990" s="45">
        <v>2.1</v>
      </c>
      <c r="F1990" s="45">
        <v>0.4</v>
      </c>
      <c r="G1990" s="45">
        <v>2.1</v>
      </c>
      <c r="H1990" s="45">
        <v>1.3</v>
      </c>
      <c r="I1990" s="45">
        <v>1.3</v>
      </c>
      <c r="J1990" s="45">
        <v>0.4</v>
      </c>
      <c r="K1990" s="45">
        <v>0.8</v>
      </c>
      <c r="L1990" s="46">
        <v>91.7</v>
      </c>
    </row>
    <row r="1991" spans="1:25" x14ac:dyDescent="0.2">
      <c r="B1991" s="72"/>
      <c r="C1991" s="38" t="s">
        <v>46</v>
      </c>
      <c r="D1991" s="44">
        <v>117</v>
      </c>
      <c r="E1991" s="45">
        <v>0.9</v>
      </c>
      <c r="F1991" s="45">
        <v>0</v>
      </c>
      <c r="G1991" s="45">
        <v>0</v>
      </c>
      <c r="H1991" s="45">
        <v>0</v>
      </c>
      <c r="I1991" s="45">
        <v>1.7</v>
      </c>
      <c r="J1991" s="45">
        <v>0.9</v>
      </c>
      <c r="K1991" s="45">
        <v>0</v>
      </c>
      <c r="L1991" s="46">
        <v>96.6</v>
      </c>
    </row>
    <row r="1992" spans="1:25" x14ac:dyDescent="0.2">
      <c r="B1992" s="72"/>
      <c r="C1992" s="38" t="s">
        <v>47</v>
      </c>
      <c r="D1992" s="44">
        <v>461</v>
      </c>
      <c r="E1992" s="45">
        <v>2.2000000000000002</v>
      </c>
      <c r="F1992" s="45">
        <v>1.7</v>
      </c>
      <c r="G1992" s="45">
        <v>0.4</v>
      </c>
      <c r="H1992" s="45">
        <v>2</v>
      </c>
      <c r="I1992" s="45">
        <v>2.6</v>
      </c>
      <c r="J1992" s="45">
        <v>0.4</v>
      </c>
      <c r="K1992" s="45">
        <v>0.9</v>
      </c>
      <c r="L1992" s="46">
        <v>89.8</v>
      </c>
    </row>
    <row r="1993" spans="1:25" ht="21.6" x14ac:dyDescent="0.2">
      <c r="B1993" s="72"/>
      <c r="C1993" s="39" t="s">
        <v>48</v>
      </c>
      <c r="D1993" s="47">
        <v>2307</v>
      </c>
      <c r="E1993" s="48">
        <v>1.7</v>
      </c>
      <c r="F1993" s="48">
        <v>1.3</v>
      </c>
      <c r="G1993" s="48">
        <v>1.1000000000000001</v>
      </c>
      <c r="H1993" s="48">
        <v>1</v>
      </c>
      <c r="I1993" s="48">
        <v>1.8</v>
      </c>
      <c r="J1993" s="48">
        <v>0.3</v>
      </c>
      <c r="K1993" s="48">
        <v>0.6</v>
      </c>
      <c r="L1993" s="49">
        <v>92.2</v>
      </c>
    </row>
    <row r="1994" spans="1:25" x14ac:dyDescent="0.2">
      <c r="B1994" s="7" t="s">
        <v>49</v>
      </c>
      <c r="C1994" s="4" t="s">
        <v>236</v>
      </c>
    </row>
    <row r="1995" spans="1:25" x14ac:dyDescent="0.2">
      <c r="B1995" s="4"/>
      <c r="C1995" s="4" t="s">
        <v>51</v>
      </c>
    </row>
    <row r="1997" spans="1:25" x14ac:dyDescent="0.2">
      <c r="A1997" s="26" t="s">
        <v>25</v>
      </c>
      <c r="B1997" t="s">
        <v>35</v>
      </c>
      <c r="C1997" t="s">
        <v>35</v>
      </c>
    </row>
    <row r="1998" spans="1:25" x14ac:dyDescent="0.2">
      <c r="B1998" s="70" t="s">
        <v>237</v>
      </c>
      <c r="C1998" s="71"/>
      <c r="D1998" s="71"/>
      <c r="E1998" s="71"/>
      <c r="F1998" s="71"/>
      <c r="G1998" s="71"/>
      <c r="H1998" s="71"/>
      <c r="I1998" s="71"/>
      <c r="J1998" s="71"/>
      <c r="K1998" s="71"/>
      <c r="L1998" s="71"/>
      <c r="M1998" s="71"/>
      <c r="N1998" s="71"/>
      <c r="O1998" s="71"/>
      <c r="P1998" s="71"/>
      <c r="Q1998" s="71"/>
      <c r="R1998" s="71"/>
      <c r="S1998" s="71"/>
      <c r="T1998" s="71"/>
      <c r="U1998" s="71"/>
      <c r="V1998" s="71"/>
      <c r="W1998" s="71"/>
      <c r="X1998" s="71"/>
      <c r="Y1998" s="71"/>
    </row>
    <row r="1999" spans="1:25" s="32" customFormat="1" ht="68.849999999999994" customHeight="1" x14ac:dyDescent="0.15">
      <c r="A1999" s="31"/>
      <c r="D1999" s="33" t="s">
        <v>341</v>
      </c>
      <c r="E1999" s="36" t="s">
        <v>630</v>
      </c>
      <c r="F1999" s="51" t="s">
        <v>631</v>
      </c>
      <c r="G1999" s="51" t="s">
        <v>632</v>
      </c>
      <c r="H1999" s="51" t="s">
        <v>633</v>
      </c>
      <c r="I1999" s="51" t="s">
        <v>634</v>
      </c>
      <c r="J1999" s="51" t="s">
        <v>635</v>
      </c>
      <c r="K1999" s="51" t="s">
        <v>636</v>
      </c>
      <c r="L1999" s="37" t="s">
        <v>637</v>
      </c>
      <c r="M1999" s="35" t="s">
        <v>344</v>
      </c>
    </row>
    <row r="2000" spans="1:25" x14ac:dyDescent="0.2">
      <c r="B2000" s="5"/>
      <c r="C2000" s="40" t="s">
        <v>38</v>
      </c>
      <c r="D2000" s="41">
        <v>4307</v>
      </c>
      <c r="E2000" s="42">
        <v>4.8</v>
      </c>
      <c r="F2000" s="42">
        <v>4.0999999999999996</v>
      </c>
      <c r="G2000" s="42">
        <v>4.0999999999999996</v>
      </c>
      <c r="H2000" s="42">
        <v>3.8</v>
      </c>
      <c r="I2000" s="42">
        <v>5.7</v>
      </c>
      <c r="J2000" s="42">
        <v>0.5</v>
      </c>
      <c r="K2000" s="42">
        <v>0.8</v>
      </c>
      <c r="L2000" s="43">
        <v>76</v>
      </c>
    </row>
    <row r="2001" spans="1:25" x14ac:dyDescent="0.2">
      <c r="B2001" s="72" t="s">
        <v>37</v>
      </c>
      <c r="C2001" s="38" t="s">
        <v>39</v>
      </c>
      <c r="D2001" s="44">
        <v>1325</v>
      </c>
      <c r="E2001" s="45">
        <v>6.2</v>
      </c>
      <c r="F2001" s="45">
        <v>5.7</v>
      </c>
      <c r="G2001" s="45">
        <v>7.1</v>
      </c>
      <c r="H2001" s="45">
        <v>5.3</v>
      </c>
      <c r="I2001" s="45">
        <v>10.4</v>
      </c>
      <c r="J2001" s="45">
        <v>0.7</v>
      </c>
      <c r="K2001" s="45">
        <v>1.4</v>
      </c>
      <c r="L2001" s="46">
        <v>63.2</v>
      </c>
    </row>
    <row r="2002" spans="1:25" x14ac:dyDescent="0.2">
      <c r="B2002" s="72"/>
      <c r="C2002" s="38" t="s">
        <v>40</v>
      </c>
      <c r="D2002" s="44">
        <v>675</v>
      </c>
      <c r="E2002" s="45">
        <v>6.2</v>
      </c>
      <c r="F2002" s="45">
        <v>4.9000000000000004</v>
      </c>
      <c r="G2002" s="45">
        <v>3.4</v>
      </c>
      <c r="H2002" s="45">
        <v>5.6</v>
      </c>
      <c r="I2002" s="45">
        <v>4.7</v>
      </c>
      <c r="J2002" s="45">
        <v>0.6</v>
      </c>
      <c r="K2002" s="45">
        <v>0.4</v>
      </c>
      <c r="L2002" s="46">
        <v>74.099999999999994</v>
      </c>
    </row>
    <row r="2003" spans="1:25" x14ac:dyDescent="0.2">
      <c r="B2003" s="72"/>
      <c r="C2003" s="38" t="s">
        <v>41</v>
      </c>
      <c r="D2003" s="44">
        <v>168</v>
      </c>
      <c r="E2003" s="45">
        <v>3</v>
      </c>
      <c r="F2003" s="45">
        <v>1.8</v>
      </c>
      <c r="G2003" s="45">
        <v>3.6</v>
      </c>
      <c r="H2003" s="45">
        <v>1.2</v>
      </c>
      <c r="I2003" s="45">
        <v>3</v>
      </c>
      <c r="J2003" s="45">
        <v>0</v>
      </c>
      <c r="K2003" s="45">
        <v>1.2</v>
      </c>
      <c r="L2003" s="46">
        <v>86.3</v>
      </c>
    </row>
    <row r="2004" spans="1:25" x14ac:dyDescent="0.2">
      <c r="B2004" s="72"/>
      <c r="C2004" s="38" t="s">
        <v>42</v>
      </c>
      <c r="D2004" s="44">
        <v>290</v>
      </c>
      <c r="E2004" s="45">
        <v>3.8</v>
      </c>
      <c r="F2004" s="45">
        <v>2.8</v>
      </c>
      <c r="G2004" s="45">
        <v>2.1</v>
      </c>
      <c r="H2004" s="45">
        <v>0.3</v>
      </c>
      <c r="I2004" s="45">
        <v>1.7</v>
      </c>
      <c r="J2004" s="45">
        <v>0</v>
      </c>
      <c r="K2004" s="45">
        <v>0</v>
      </c>
      <c r="L2004" s="46">
        <v>89.3</v>
      </c>
    </row>
    <row r="2005" spans="1:25" x14ac:dyDescent="0.2">
      <c r="B2005" s="72"/>
      <c r="C2005" s="38" t="s">
        <v>43</v>
      </c>
      <c r="D2005" s="44">
        <v>231</v>
      </c>
      <c r="E2005" s="45">
        <v>4.3</v>
      </c>
      <c r="F2005" s="45">
        <v>3.9</v>
      </c>
      <c r="G2005" s="45">
        <v>2.6</v>
      </c>
      <c r="H2005" s="45">
        <v>3.5</v>
      </c>
      <c r="I2005" s="45">
        <v>3</v>
      </c>
      <c r="J2005" s="45">
        <v>0</v>
      </c>
      <c r="K2005" s="45">
        <v>0</v>
      </c>
      <c r="L2005" s="46">
        <v>82.7</v>
      </c>
    </row>
    <row r="2006" spans="1:25" x14ac:dyDescent="0.2">
      <c r="B2006" s="72"/>
      <c r="C2006" s="38" t="s">
        <v>44</v>
      </c>
      <c r="D2006" s="44">
        <v>800</v>
      </c>
      <c r="E2006" s="45">
        <v>3.9</v>
      </c>
      <c r="F2006" s="45">
        <v>3.5</v>
      </c>
      <c r="G2006" s="45">
        <v>2.9</v>
      </c>
      <c r="H2006" s="45">
        <v>2.9</v>
      </c>
      <c r="I2006" s="45">
        <v>3.3</v>
      </c>
      <c r="J2006" s="45">
        <v>0.6</v>
      </c>
      <c r="K2006" s="45">
        <v>0.5</v>
      </c>
      <c r="L2006" s="46">
        <v>82.5</v>
      </c>
    </row>
    <row r="2007" spans="1:25" x14ac:dyDescent="0.2">
      <c r="B2007" s="72"/>
      <c r="C2007" s="38" t="s">
        <v>45</v>
      </c>
      <c r="D2007" s="44">
        <v>240</v>
      </c>
      <c r="E2007" s="45">
        <v>2.5</v>
      </c>
      <c r="F2007" s="45">
        <v>2.1</v>
      </c>
      <c r="G2007" s="45">
        <v>2.9</v>
      </c>
      <c r="H2007" s="45">
        <v>2.5</v>
      </c>
      <c r="I2007" s="45">
        <v>3.8</v>
      </c>
      <c r="J2007" s="45">
        <v>0.4</v>
      </c>
      <c r="K2007" s="45">
        <v>1.7</v>
      </c>
      <c r="L2007" s="46">
        <v>84.2</v>
      </c>
    </row>
    <row r="2008" spans="1:25" x14ac:dyDescent="0.2">
      <c r="B2008" s="72"/>
      <c r="C2008" s="38" t="s">
        <v>46</v>
      </c>
      <c r="D2008" s="44">
        <v>117</v>
      </c>
      <c r="E2008" s="45">
        <v>1.7</v>
      </c>
      <c r="F2008" s="45">
        <v>0.9</v>
      </c>
      <c r="G2008" s="45">
        <v>2.6</v>
      </c>
      <c r="H2008" s="45">
        <v>1.7</v>
      </c>
      <c r="I2008" s="45">
        <v>1.7</v>
      </c>
      <c r="J2008" s="45">
        <v>0.9</v>
      </c>
      <c r="K2008" s="45">
        <v>0</v>
      </c>
      <c r="L2008" s="46">
        <v>90.6</v>
      </c>
    </row>
    <row r="2009" spans="1:25" x14ac:dyDescent="0.2">
      <c r="B2009" s="72"/>
      <c r="C2009" s="38" t="s">
        <v>47</v>
      </c>
      <c r="D2009" s="44">
        <v>461</v>
      </c>
      <c r="E2009" s="45">
        <v>4.0999999999999996</v>
      </c>
      <c r="F2009" s="45">
        <v>3.3</v>
      </c>
      <c r="G2009" s="45">
        <v>2</v>
      </c>
      <c r="H2009" s="45">
        <v>2.8</v>
      </c>
      <c r="I2009" s="45">
        <v>5</v>
      </c>
      <c r="J2009" s="45">
        <v>0.7</v>
      </c>
      <c r="K2009" s="45">
        <v>0.9</v>
      </c>
      <c r="L2009" s="46">
        <v>81.3</v>
      </c>
    </row>
    <row r="2010" spans="1:25" ht="21.6" x14ac:dyDescent="0.2">
      <c r="B2010" s="72"/>
      <c r="C2010" s="39" t="s">
        <v>48</v>
      </c>
      <c r="D2010" s="47">
        <v>2307</v>
      </c>
      <c r="E2010" s="48">
        <v>3.6</v>
      </c>
      <c r="F2010" s="48">
        <v>3</v>
      </c>
      <c r="G2010" s="48">
        <v>2.6</v>
      </c>
      <c r="H2010" s="48">
        <v>2.4</v>
      </c>
      <c r="I2010" s="48">
        <v>3.3</v>
      </c>
      <c r="J2010" s="48">
        <v>0.4</v>
      </c>
      <c r="K2010" s="48">
        <v>0.6</v>
      </c>
      <c r="L2010" s="49">
        <v>84</v>
      </c>
    </row>
    <row r="2011" spans="1:25" x14ac:dyDescent="0.2">
      <c r="B2011" s="7" t="s">
        <v>49</v>
      </c>
      <c r="C2011" s="4" t="s">
        <v>238</v>
      </c>
    </row>
    <row r="2012" spans="1:25" x14ac:dyDescent="0.2">
      <c r="B2012" s="4"/>
      <c r="C2012" s="4" t="s">
        <v>51</v>
      </c>
    </row>
    <row r="2014" spans="1:25" x14ac:dyDescent="0.2">
      <c r="A2014" s="26" t="s">
        <v>25</v>
      </c>
      <c r="B2014" t="s">
        <v>35</v>
      </c>
      <c r="C2014" t="s">
        <v>35</v>
      </c>
    </row>
    <row r="2015" spans="1:25" x14ac:dyDescent="0.2">
      <c r="B2015" s="70" t="s">
        <v>239</v>
      </c>
      <c r="C2015" s="71"/>
      <c r="D2015" s="71"/>
      <c r="E2015" s="71"/>
      <c r="F2015" s="71"/>
      <c r="G2015" s="71"/>
      <c r="H2015" s="71"/>
      <c r="I2015" s="71"/>
      <c r="J2015" s="71"/>
      <c r="K2015" s="71"/>
      <c r="L2015" s="71"/>
      <c r="M2015" s="71"/>
      <c r="N2015" s="71"/>
      <c r="O2015" s="71"/>
      <c r="P2015" s="71"/>
      <c r="Q2015" s="71"/>
      <c r="R2015" s="71"/>
      <c r="S2015" s="71"/>
      <c r="T2015" s="71"/>
      <c r="U2015" s="71"/>
      <c r="V2015" s="71"/>
      <c r="W2015" s="71"/>
      <c r="X2015" s="71"/>
      <c r="Y2015" s="71"/>
    </row>
    <row r="2016" spans="1:25" s="32" customFormat="1" ht="68.849999999999994" customHeight="1" x14ac:dyDescent="0.15">
      <c r="A2016" s="31"/>
      <c r="D2016" s="33" t="s">
        <v>341</v>
      </c>
      <c r="E2016" s="36" t="s">
        <v>638</v>
      </c>
      <c r="F2016" s="51" t="s">
        <v>632</v>
      </c>
      <c r="G2016" s="51" t="s">
        <v>633</v>
      </c>
      <c r="H2016" s="51" t="s">
        <v>639</v>
      </c>
      <c r="I2016" s="37" t="s">
        <v>637</v>
      </c>
      <c r="J2016" s="35" t="s">
        <v>344</v>
      </c>
    </row>
    <row r="2017" spans="1:25" x14ac:dyDescent="0.2">
      <c r="B2017" s="5"/>
      <c r="C2017" s="40" t="s">
        <v>38</v>
      </c>
      <c r="D2017" s="41">
        <v>4307</v>
      </c>
      <c r="E2017" s="42">
        <v>4</v>
      </c>
      <c r="F2017" s="42">
        <v>1.4</v>
      </c>
      <c r="G2017" s="42">
        <v>1.3</v>
      </c>
      <c r="H2017" s="42">
        <v>2.9</v>
      </c>
      <c r="I2017" s="43">
        <v>90.4</v>
      </c>
    </row>
    <row r="2018" spans="1:25" x14ac:dyDescent="0.2">
      <c r="B2018" s="72" t="s">
        <v>37</v>
      </c>
      <c r="C2018" s="38" t="s">
        <v>39</v>
      </c>
      <c r="D2018" s="44">
        <v>1325</v>
      </c>
      <c r="E2018" s="45">
        <v>5.8</v>
      </c>
      <c r="F2018" s="45">
        <v>1.6</v>
      </c>
      <c r="G2018" s="45">
        <v>1.7</v>
      </c>
      <c r="H2018" s="45">
        <v>3.2</v>
      </c>
      <c r="I2018" s="46">
        <v>87.6</v>
      </c>
    </row>
    <row r="2019" spans="1:25" x14ac:dyDescent="0.2">
      <c r="B2019" s="72"/>
      <c r="C2019" s="38" t="s">
        <v>40</v>
      </c>
      <c r="D2019" s="44">
        <v>675</v>
      </c>
      <c r="E2019" s="45">
        <v>3.7</v>
      </c>
      <c r="F2019" s="45">
        <v>1.9</v>
      </c>
      <c r="G2019" s="45">
        <v>1.6</v>
      </c>
      <c r="H2019" s="45">
        <v>3</v>
      </c>
      <c r="I2019" s="46">
        <v>89.8</v>
      </c>
    </row>
    <row r="2020" spans="1:25" x14ac:dyDescent="0.2">
      <c r="B2020" s="72"/>
      <c r="C2020" s="38" t="s">
        <v>41</v>
      </c>
      <c r="D2020" s="44">
        <v>168</v>
      </c>
      <c r="E2020" s="45">
        <v>3</v>
      </c>
      <c r="F2020" s="45">
        <v>1.2</v>
      </c>
      <c r="G2020" s="45">
        <v>0.6</v>
      </c>
      <c r="H2020" s="45">
        <v>1.2</v>
      </c>
      <c r="I2020" s="46">
        <v>94</v>
      </c>
    </row>
    <row r="2021" spans="1:25" x14ac:dyDescent="0.2">
      <c r="B2021" s="72"/>
      <c r="C2021" s="38" t="s">
        <v>42</v>
      </c>
      <c r="D2021" s="44">
        <v>290</v>
      </c>
      <c r="E2021" s="45">
        <v>2.8</v>
      </c>
      <c r="F2021" s="45">
        <v>0</v>
      </c>
      <c r="G2021" s="45">
        <v>0.7</v>
      </c>
      <c r="H2021" s="45">
        <v>1.4</v>
      </c>
      <c r="I2021" s="46">
        <v>95.2</v>
      </c>
    </row>
    <row r="2022" spans="1:25" x14ac:dyDescent="0.2">
      <c r="B2022" s="72"/>
      <c r="C2022" s="38" t="s">
        <v>43</v>
      </c>
      <c r="D2022" s="44">
        <v>231</v>
      </c>
      <c r="E2022" s="45">
        <v>1.7</v>
      </c>
      <c r="F2022" s="45">
        <v>0.9</v>
      </c>
      <c r="G2022" s="45">
        <v>1.7</v>
      </c>
      <c r="H2022" s="45">
        <v>0.9</v>
      </c>
      <c r="I2022" s="46">
        <v>94.8</v>
      </c>
    </row>
    <row r="2023" spans="1:25" x14ac:dyDescent="0.2">
      <c r="B2023" s="72"/>
      <c r="C2023" s="38" t="s">
        <v>44</v>
      </c>
      <c r="D2023" s="44">
        <v>800</v>
      </c>
      <c r="E2023" s="45">
        <v>3.5</v>
      </c>
      <c r="F2023" s="45">
        <v>1.9</v>
      </c>
      <c r="G2023" s="45">
        <v>0.5</v>
      </c>
      <c r="H2023" s="45">
        <v>3.1</v>
      </c>
      <c r="I2023" s="46">
        <v>91</v>
      </c>
    </row>
    <row r="2024" spans="1:25" x14ac:dyDescent="0.2">
      <c r="B2024" s="72"/>
      <c r="C2024" s="38" t="s">
        <v>45</v>
      </c>
      <c r="D2024" s="44">
        <v>240</v>
      </c>
      <c r="E2024" s="45">
        <v>2.5</v>
      </c>
      <c r="F2024" s="45">
        <v>2.1</v>
      </c>
      <c r="G2024" s="45">
        <v>1.3</v>
      </c>
      <c r="H2024" s="45">
        <v>2.5</v>
      </c>
      <c r="I2024" s="46">
        <v>91.7</v>
      </c>
    </row>
    <row r="2025" spans="1:25" x14ac:dyDescent="0.2">
      <c r="B2025" s="72"/>
      <c r="C2025" s="38" t="s">
        <v>46</v>
      </c>
      <c r="D2025" s="44">
        <v>117</v>
      </c>
      <c r="E2025" s="45">
        <v>0.9</v>
      </c>
      <c r="F2025" s="45">
        <v>0</v>
      </c>
      <c r="G2025" s="45">
        <v>0</v>
      </c>
      <c r="H2025" s="45">
        <v>2.6</v>
      </c>
      <c r="I2025" s="46">
        <v>96.6</v>
      </c>
    </row>
    <row r="2026" spans="1:25" x14ac:dyDescent="0.2">
      <c r="B2026" s="72"/>
      <c r="C2026" s="38" t="s">
        <v>47</v>
      </c>
      <c r="D2026" s="44">
        <v>461</v>
      </c>
      <c r="E2026" s="45">
        <v>3.9</v>
      </c>
      <c r="F2026" s="45">
        <v>0.4</v>
      </c>
      <c r="G2026" s="45">
        <v>2</v>
      </c>
      <c r="H2026" s="45">
        <v>3.9</v>
      </c>
      <c r="I2026" s="46">
        <v>89.8</v>
      </c>
    </row>
    <row r="2027" spans="1:25" ht="21.6" x14ac:dyDescent="0.2">
      <c r="B2027" s="72"/>
      <c r="C2027" s="39" t="s">
        <v>48</v>
      </c>
      <c r="D2027" s="47">
        <v>2307</v>
      </c>
      <c r="E2027" s="48">
        <v>3</v>
      </c>
      <c r="F2027" s="48">
        <v>1.1000000000000001</v>
      </c>
      <c r="G2027" s="48">
        <v>1</v>
      </c>
      <c r="H2027" s="48">
        <v>2.6</v>
      </c>
      <c r="I2027" s="49">
        <v>92.2</v>
      </c>
    </row>
    <row r="2029" spans="1:25" x14ac:dyDescent="0.2">
      <c r="A2029" s="26" t="s">
        <v>25</v>
      </c>
      <c r="B2029" t="s">
        <v>35</v>
      </c>
      <c r="C2029" t="s">
        <v>35</v>
      </c>
    </row>
    <row r="2030" spans="1:25" x14ac:dyDescent="0.2">
      <c r="B2030" s="70" t="s">
        <v>240</v>
      </c>
      <c r="C2030" s="71"/>
      <c r="D2030" s="71"/>
      <c r="E2030" s="71"/>
      <c r="F2030" s="71"/>
      <c r="G2030" s="71"/>
      <c r="H2030" s="71"/>
      <c r="I2030" s="71"/>
      <c r="J2030" s="71"/>
      <c r="K2030" s="71"/>
      <c r="L2030" s="71"/>
      <c r="M2030" s="71"/>
      <c r="N2030" s="71"/>
      <c r="O2030" s="71"/>
      <c r="P2030" s="71"/>
      <c r="Q2030" s="71"/>
      <c r="R2030" s="71"/>
      <c r="S2030" s="71"/>
      <c r="T2030" s="71"/>
      <c r="U2030" s="71"/>
      <c r="V2030" s="71"/>
      <c r="W2030" s="71"/>
      <c r="X2030" s="71"/>
      <c r="Y2030" s="71"/>
    </row>
    <row r="2031" spans="1:25" s="32" customFormat="1" ht="68.849999999999994" customHeight="1" x14ac:dyDescent="0.15">
      <c r="A2031" s="31"/>
      <c r="D2031" s="33" t="s">
        <v>341</v>
      </c>
      <c r="E2031" s="36" t="s">
        <v>638</v>
      </c>
      <c r="F2031" s="51" t="s">
        <v>632</v>
      </c>
      <c r="G2031" s="51" t="s">
        <v>633</v>
      </c>
      <c r="H2031" s="51" t="s">
        <v>639</v>
      </c>
      <c r="I2031" s="37" t="s">
        <v>637</v>
      </c>
      <c r="J2031" s="35" t="s">
        <v>344</v>
      </c>
    </row>
    <row r="2032" spans="1:25" x14ac:dyDescent="0.2">
      <c r="B2032" s="5"/>
      <c r="C2032" s="40" t="s">
        <v>38</v>
      </c>
      <c r="D2032" s="41">
        <v>4307</v>
      </c>
      <c r="E2032" s="42">
        <v>9</v>
      </c>
      <c r="F2032" s="42">
        <v>4.0999999999999996</v>
      </c>
      <c r="G2032" s="42">
        <v>3.8</v>
      </c>
      <c r="H2032" s="42">
        <v>7.1</v>
      </c>
      <c r="I2032" s="43">
        <v>76</v>
      </c>
    </row>
    <row r="2033" spans="1:25" x14ac:dyDescent="0.2">
      <c r="B2033" s="72" t="s">
        <v>37</v>
      </c>
      <c r="C2033" s="38" t="s">
        <v>39</v>
      </c>
      <c r="D2033" s="44">
        <v>1325</v>
      </c>
      <c r="E2033" s="45">
        <v>11.9</v>
      </c>
      <c r="F2033" s="45">
        <v>7.1</v>
      </c>
      <c r="G2033" s="45">
        <v>5.3</v>
      </c>
      <c r="H2033" s="45">
        <v>12.5</v>
      </c>
      <c r="I2033" s="46">
        <v>63.2</v>
      </c>
    </row>
    <row r="2034" spans="1:25" x14ac:dyDescent="0.2">
      <c r="B2034" s="72"/>
      <c r="C2034" s="38" t="s">
        <v>40</v>
      </c>
      <c r="D2034" s="44">
        <v>675</v>
      </c>
      <c r="E2034" s="45">
        <v>11.1</v>
      </c>
      <c r="F2034" s="45">
        <v>3.4</v>
      </c>
      <c r="G2034" s="45">
        <v>5.6</v>
      </c>
      <c r="H2034" s="45">
        <v>5.8</v>
      </c>
      <c r="I2034" s="46">
        <v>74.099999999999994</v>
      </c>
    </row>
    <row r="2035" spans="1:25" x14ac:dyDescent="0.2">
      <c r="B2035" s="72"/>
      <c r="C2035" s="38" t="s">
        <v>41</v>
      </c>
      <c r="D2035" s="44">
        <v>168</v>
      </c>
      <c r="E2035" s="45">
        <v>4.8</v>
      </c>
      <c r="F2035" s="45">
        <v>3.6</v>
      </c>
      <c r="G2035" s="45">
        <v>1.2</v>
      </c>
      <c r="H2035" s="45">
        <v>4.2</v>
      </c>
      <c r="I2035" s="46">
        <v>86.3</v>
      </c>
    </row>
    <row r="2036" spans="1:25" x14ac:dyDescent="0.2">
      <c r="B2036" s="72"/>
      <c r="C2036" s="38" t="s">
        <v>42</v>
      </c>
      <c r="D2036" s="44">
        <v>290</v>
      </c>
      <c r="E2036" s="45">
        <v>6.6</v>
      </c>
      <c r="F2036" s="45">
        <v>2.1</v>
      </c>
      <c r="G2036" s="45">
        <v>0.3</v>
      </c>
      <c r="H2036" s="45">
        <v>1.7</v>
      </c>
      <c r="I2036" s="46">
        <v>89.3</v>
      </c>
    </row>
    <row r="2037" spans="1:25" x14ac:dyDescent="0.2">
      <c r="B2037" s="72"/>
      <c r="C2037" s="38" t="s">
        <v>43</v>
      </c>
      <c r="D2037" s="44">
        <v>231</v>
      </c>
      <c r="E2037" s="45">
        <v>8.1999999999999993</v>
      </c>
      <c r="F2037" s="45">
        <v>2.6</v>
      </c>
      <c r="G2037" s="45">
        <v>3.5</v>
      </c>
      <c r="H2037" s="45">
        <v>3</v>
      </c>
      <c r="I2037" s="46">
        <v>82.7</v>
      </c>
    </row>
    <row r="2038" spans="1:25" x14ac:dyDescent="0.2">
      <c r="B2038" s="72"/>
      <c r="C2038" s="38" t="s">
        <v>44</v>
      </c>
      <c r="D2038" s="44">
        <v>800</v>
      </c>
      <c r="E2038" s="45">
        <v>7.4</v>
      </c>
      <c r="F2038" s="45">
        <v>2.9</v>
      </c>
      <c r="G2038" s="45">
        <v>2.9</v>
      </c>
      <c r="H2038" s="45">
        <v>4.4000000000000004</v>
      </c>
      <c r="I2038" s="46">
        <v>82.5</v>
      </c>
    </row>
    <row r="2039" spans="1:25" x14ac:dyDescent="0.2">
      <c r="B2039" s="72"/>
      <c r="C2039" s="38" t="s">
        <v>45</v>
      </c>
      <c r="D2039" s="44">
        <v>240</v>
      </c>
      <c r="E2039" s="45">
        <v>4.5999999999999996</v>
      </c>
      <c r="F2039" s="45">
        <v>2.9</v>
      </c>
      <c r="G2039" s="45">
        <v>2.5</v>
      </c>
      <c r="H2039" s="45">
        <v>5.8</v>
      </c>
      <c r="I2039" s="46">
        <v>84.2</v>
      </c>
    </row>
    <row r="2040" spans="1:25" x14ac:dyDescent="0.2">
      <c r="B2040" s="72"/>
      <c r="C2040" s="38" t="s">
        <v>46</v>
      </c>
      <c r="D2040" s="44">
        <v>117</v>
      </c>
      <c r="E2040" s="45">
        <v>2.6</v>
      </c>
      <c r="F2040" s="45">
        <v>2.6</v>
      </c>
      <c r="G2040" s="45">
        <v>1.7</v>
      </c>
      <c r="H2040" s="45">
        <v>2.6</v>
      </c>
      <c r="I2040" s="46">
        <v>90.6</v>
      </c>
    </row>
    <row r="2041" spans="1:25" x14ac:dyDescent="0.2">
      <c r="B2041" s="72"/>
      <c r="C2041" s="38" t="s">
        <v>47</v>
      </c>
      <c r="D2041" s="44">
        <v>461</v>
      </c>
      <c r="E2041" s="45">
        <v>7.4</v>
      </c>
      <c r="F2041" s="45">
        <v>2</v>
      </c>
      <c r="G2041" s="45">
        <v>2.8</v>
      </c>
      <c r="H2041" s="45">
        <v>6.5</v>
      </c>
      <c r="I2041" s="46">
        <v>81.3</v>
      </c>
    </row>
    <row r="2042" spans="1:25" ht="21.6" x14ac:dyDescent="0.2">
      <c r="B2042" s="72"/>
      <c r="C2042" s="39" t="s">
        <v>48</v>
      </c>
      <c r="D2042" s="47">
        <v>2307</v>
      </c>
      <c r="E2042" s="48">
        <v>6.6</v>
      </c>
      <c r="F2042" s="48">
        <v>2.6</v>
      </c>
      <c r="G2042" s="48">
        <v>2.4</v>
      </c>
      <c r="H2042" s="48">
        <v>4.4000000000000004</v>
      </c>
      <c r="I2042" s="49">
        <v>84</v>
      </c>
    </row>
    <row r="2044" spans="1:25" x14ac:dyDescent="0.2">
      <c r="A2044" s="26" t="s">
        <v>25</v>
      </c>
      <c r="B2044" t="s">
        <v>35</v>
      </c>
      <c r="C2044" t="s">
        <v>35</v>
      </c>
    </row>
    <row r="2045" spans="1:25" x14ac:dyDescent="0.2">
      <c r="B2045" s="70" t="s">
        <v>241</v>
      </c>
      <c r="C2045" s="71"/>
      <c r="D2045" s="71"/>
      <c r="E2045" s="71"/>
      <c r="F2045" s="71"/>
      <c r="G2045" s="71"/>
      <c r="H2045" s="71"/>
      <c r="I2045" s="71"/>
      <c r="J2045" s="71"/>
      <c r="K2045" s="71"/>
      <c r="L2045" s="71"/>
      <c r="M2045" s="71"/>
      <c r="N2045" s="71"/>
      <c r="O2045" s="71"/>
      <c r="P2045" s="71"/>
      <c r="Q2045" s="71"/>
      <c r="R2045" s="71"/>
      <c r="S2045" s="71"/>
      <c r="T2045" s="71"/>
      <c r="U2045" s="71"/>
      <c r="V2045" s="71"/>
      <c r="W2045" s="71"/>
      <c r="X2045" s="71"/>
      <c r="Y2045" s="71"/>
    </row>
    <row r="2046" spans="1:25" s="32" customFormat="1" ht="101.25" customHeight="1" x14ac:dyDescent="0.15">
      <c r="A2046" s="31"/>
      <c r="D2046" s="33" t="s">
        <v>341</v>
      </c>
      <c r="E2046" s="36" t="s">
        <v>640</v>
      </c>
      <c r="F2046" s="51" t="s">
        <v>641</v>
      </c>
      <c r="G2046" s="51" t="s">
        <v>642</v>
      </c>
      <c r="H2046" s="51" t="s">
        <v>643</v>
      </c>
      <c r="I2046" s="51" t="s">
        <v>644</v>
      </c>
      <c r="J2046" s="51" t="s">
        <v>645</v>
      </c>
      <c r="K2046" s="51" t="s">
        <v>646</v>
      </c>
      <c r="L2046" s="51" t="s">
        <v>647</v>
      </c>
      <c r="M2046" s="51" t="s">
        <v>648</v>
      </c>
      <c r="N2046" s="51" t="s">
        <v>649</v>
      </c>
      <c r="O2046" s="51" t="s">
        <v>430</v>
      </c>
      <c r="P2046" s="51" t="s">
        <v>650</v>
      </c>
      <c r="Q2046" s="37" t="s">
        <v>651</v>
      </c>
      <c r="R2046" s="35" t="s">
        <v>344</v>
      </c>
    </row>
    <row r="2047" spans="1:25" x14ac:dyDescent="0.2">
      <c r="B2047" s="5"/>
      <c r="C2047" s="40" t="s">
        <v>38</v>
      </c>
      <c r="D2047" s="41">
        <v>1049</v>
      </c>
      <c r="E2047" s="42">
        <v>14.3</v>
      </c>
      <c r="F2047" s="42">
        <v>15.8</v>
      </c>
      <c r="G2047" s="42">
        <v>29.6</v>
      </c>
      <c r="H2047" s="42">
        <v>6.6</v>
      </c>
      <c r="I2047" s="42">
        <v>4</v>
      </c>
      <c r="J2047" s="42">
        <v>6.7</v>
      </c>
      <c r="K2047" s="42">
        <v>7.3</v>
      </c>
      <c r="L2047" s="42">
        <v>22.8</v>
      </c>
      <c r="M2047" s="42">
        <v>5.6</v>
      </c>
      <c r="N2047" s="42">
        <v>12.3</v>
      </c>
      <c r="O2047" s="42">
        <v>0.3</v>
      </c>
      <c r="P2047" s="42">
        <v>0</v>
      </c>
      <c r="Q2047" s="43">
        <v>5.2</v>
      </c>
    </row>
    <row r="2048" spans="1:25" x14ac:dyDescent="0.2">
      <c r="B2048" s="72" t="s">
        <v>37</v>
      </c>
      <c r="C2048" s="38" t="s">
        <v>39</v>
      </c>
      <c r="D2048" s="44">
        <v>497</v>
      </c>
      <c r="E2048" s="45">
        <v>15.1</v>
      </c>
      <c r="F2048" s="45">
        <v>14.3</v>
      </c>
      <c r="G2048" s="45">
        <v>30.4</v>
      </c>
      <c r="H2048" s="45">
        <v>7.4</v>
      </c>
      <c r="I2048" s="45">
        <v>2</v>
      </c>
      <c r="J2048" s="45">
        <v>5.4</v>
      </c>
      <c r="K2048" s="45">
        <v>5.8</v>
      </c>
      <c r="L2048" s="45">
        <v>25.4</v>
      </c>
      <c r="M2048" s="45">
        <v>5.8</v>
      </c>
      <c r="N2048" s="45">
        <v>13.1</v>
      </c>
      <c r="O2048" s="45">
        <v>0.4</v>
      </c>
      <c r="P2048" s="45">
        <v>0</v>
      </c>
      <c r="Q2048" s="46">
        <v>6.2</v>
      </c>
    </row>
    <row r="2049" spans="1:25" x14ac:dyDescent="0.2">
      <c r="B2049" s="72"/>
      <c r="C2049" s="38" t="s">
        <v>40</v>
      </c>
      <c r="D2049" s="44">
        <v>176</v>
      </c>
      <c r="E2049" s="45">
        <v>17.600000000000001</v>
      </c>
      <c r="F2049" s="45">
        <v>17</v>
      </c>
      <c r="G2049" s="45">
        <v>26.1</v>
      </c>
      <c r="H2049" s="45">
        <v>2.2999999999999998</v>
      </c>
      <c r="I2049" s="45">
        <v>5.0999999999999996</v>
      </c>
      <c r="J2049" s="45">
        <v>5.7</v>
      </c>
      <c r="K2049" s="45">
        <v>6.3</v>
      </c>
      <c r="L2049" s="45">
        <v>19.3</v>
      </c>
      <c r="M2049" s="45">
        <v>5.7</v>
      </c>
      <c r="N2049" s="45">
        <v>11.4</v>
      </c>
      <c r="O2049" s="45">
        <v>0</v>
      </c>
      <c r="P2049" s="45">
        <v>0</v>
      </c>
      <c r="Q2049" s="46">
        <v>4</v>
      </c>
    </row>
    <row r="2050" spans="1:25" x14ac:dyDescent="0.2">
      <c r="B2050" s="72"/>
      <c r="C2050" s="38" t="s">
        <v>41</v>
      </c>
      <c r="D2050" s="44">
        <v>23</v>
      </c>
      <c r="E2050" s="45">
        <v>13</v>
      </c>
      <c r="F2050" s="45">
        <v>8.6999999999999993</v>
      </c>
      <c r="G2050" s="45">
        <v>34.799999999999997</v>
      </c>
      <c r="H2050" s="45">
        <v>8.6999999999999993</v>
      </c>
      <c r="I2050" s="45">
        <v>4.3</v>
      </c>
      <c r="J2050" s="45">
        <v>4.3</v>
      </c>
      <c r="K2050" s="45">
        <v>17.399999999999999</v>
      </c>
      <c r="L2050" s="45">
        <v>21.7</v>
      </c>
      <c r="M2050" s="45">
        <v>0</v>
      </c>
      <c r="N2050" s="45">
        <v>13</v>
      </c>
      <c r="O2050" s="45">
        <v>0</v>
      </c>
      <c r="P2050" s="45">
        <v>0</v>
      </c>
      <c r="Q2050" s="46">
        <v>8.6999999999999993</v>
      </c>
    </row>
    <row r="2051" spans="1:25" x14ac:dyDescent="0.2">
      <c r="B2051" s="72"/>
      <c r="C2051" s="38" t="s">
        <v>42</v>
      </c>
      <c r="D2051" s="44">
        <v>32</v>
      </c>
      <c r="E2051" s="45">
        <v>28.1</v>
      </c>
      <c r="F2051" s="45">
        <v>6.3</v>
      </c>
      <c r="G2051" s="45">
        <v>31.3</v>
      </c>
      <c r="H2051" s="45">
        <v>3.1</v>
      </c>
      <c r="I2051" s="45">
        <v>3.1</v>
      </c>
      <c r="J2051" s="45">
        <v>6.3</v>
      </c>
      <c r="K2051" s="45">
        <v>9.4</v>
      </c>
      <c r="L2051" s="45">
        <v>12.5</v>
      </c>
      <c r="M2051" s="45">
        <v>6.3</v>
      </c>
      <c r="N2051" s="45">
        <v>9.4</v>
      </c>
      <c r="O2051" s="45">
        <v>0</v>
      </c>
      <c r="P2051" s="45">
        <v>0</v>
      </c>
      <c r="Q2051" s="46">
        <v>3.1</v>
      </c>
    </row>
    <row r="2052" spans="1:25" x14ac:dyDescent="0.2">
      <c r="B2052" s="72"/>
      <c r="C2052" s="38" t="s">
        <v>43</v>
      </c>
      <c r="D2052" s="44">
        <v>40</v>
      </c>
      <c r="E2052" s="45">
        <v>12.5</v>
      </c>
      <c r="F2052" s="45">
        <v>25</v>
      </c>
      <c r="G2052" s="45">
        <v>40</v>
      </c>
      <c r="H2052" s="45">
        <v>7.5</v>
      </c>
      <c r="I2052" s="45">
        <v>5</v>
      </c>
      <c r="J2052" s="45">
        <v>5</v>
      </c>
      <c r="K2052" s="45">
        <v>5</v>
      </c>
      <c r="L2052" s="45">
        <v>20</v>
      </c>
      <c r="M2052" s="45">
        <v>2.5</v>
      </c>
      <c r="N2052" s="45">
        <v>10</v>
      </c>
      <c r="O2052" s="45">
        <v>2.5</v>
      </c>
      <c r="P2052" s="45">
        <v>0</v>
      </c>
      <c r="Q2052" s="46">
        <v>2.5</v>
      </c>
    </row>
    <row r="2053" spans="1:25" x14ac:dyDescent="0.2">
      <c r="B2053" s="72"/>
      <c r="C2053" s="38" t="s">
        <v>44</v>
      </c>
      <c r="D2053" s="44">
        <v>143</v>
      </c>
      <c r="E2053" s="45">
        <v>8.4</v>
      </c>
      <c r="F2053" s="45">
        <v>23.8</v>
      </c>
      <c r="G2053" s="45">
        <v>25.2</v>
      </c>
      <c r="H2053" s="45">
        <v>7.7</v>
      </c>
      <c r="I2053" s="45">
        <v>5.6</v>
      </c>
      <c r="J2053" s="45">
        <v>8.4</v>
      </c>
      <c r="K2053" s="45">
        <v>9.8000000000000007</v>
      </c>
      <c r="L2053" s="45">
        <v>18.2</v>
      </c>
      <c r="M2053" s="45">
        <v>7.7</v>
      </c>
      <c r="N2053" s="45">
        <v>10.5</v>
      </c>
      <c r="O2053" s="45">
        <v>0</v>
      </c>
      <c r="P2053" s="45">
        <v>0</v>
      </c>
      <c r="Q2053" s="46">
        <v>6.3</v>
      </c>
    </row>
    <row r="2054" spans="1:25" x14ac:dyDescent="0.2">
      <c r="B2054" s="72"/>
      <c r="C2054" s="38" t="s">
        <v>45</v>
      </c>
      <c r="D2054" s="44">
        <v>38</v>
      </c>
      <c r="E2054" s="45">
        <v>5.3</v>
      </c>
      <c r="F2054" s="45">
        <v>13.2</v>
      </c>
      <c r="G2054" s="45">
        <v>31.6</v>
      </c>
      <c r="H2054" s="45">
        <v>5.3</v>
      </c>
      <c r="I2054" s="45">
        <v>10.5</v>
      </c>
      <c r="J2054" s="45">
        <v>18.399999999999999</v>
      </c>
      <c r="K2054" s="45">
        <v>13.2</v>
      </c>
      <c r="L2054" s="45">
        <v>31.6</v>
      </c>
      <c r="M2054" s="45">
        <v>10.5</v>
      </c>
      <c r="N2054" s="45">
        <v>13.2</v>
      </c>
      <c r="O2054" s="45">
        <v>0</v>
      </c>
      <c r="P2054" s="45">
        <v>0</v>
      </c>
      <c r="Q2054" s="46">
        <v>2.6</v>
      </c>
    </row>
    <row r="2055" spans="1:25" x14ac:dyDescent="0.2">
      <c r="B2055" s="72"/>
      <c r="C2055" s="38" t="s">
        <v>46</v>
      </c>
      <c r="D2055" s="44">
        <v>11</v>
      </c>
      <c r="E2055" s="45">
        <v>18.2</v>
      </c>
      <c r="F2055" s="45">
        <v>0</v>
      </c>
      <c r="G2055" s="45">
        <v>36.4</v>
      </c>
      <c r="H2055" s="45">
        <v>9.1</v>
      </c>
      <c r="I2055" s="45">
        <v>9.1</v>
      </c>
      <c r="J2055" s="45">
        <v>9.1</v>
      </c>
      <c r="K2055" s="45">
        <v>0</v>
      </c>
      <c r="L2055" s="45">
        <v>27.3</v>
      </c>
      <c r="M2055" s="45">
        <v>0</v>
      </c>
      <c r="N2055" s="45">
        <v>9.1</v>
      </c>
      <c r="O2055" s="45">
        <v>0</v>
      </c>
      <c r="P2055" s="45">
        <v>0</v>
      </c>
      <c r="Q2055" s="46">
        <v>0</v>
      </c>
    </row>
    <row r="2056" spans="1:25" x14ac:dyDescent="0.2">
      <c r="B2056" s="72"/>
      <c r="C2056" s="38" t="s">
        <v>47</v>
      </c>
      <c r="D2056" s="44">
        <v>89</v>
      </c>
      <c r="E2056" s="45">
        <v>12.4</v>
      </c>
      <c r="F2056" s="45">
        <v>13.5</v>
      </c>
      <c r="G2056" s="45">
        <v>30.3</v>
      </c>
      <c r="H2056" s="45">
        <v>9</v>
      </c>
      <c r="I2056" s="45">
        <v>6.7</v>
      </c>
      <c r="J2056" s="45">
        <v>9</v>
      </c>
      <c r="K2056" s="45">
        <v>10.1</v>
      </c>
      <c r="L2056" s="45">
        <v>23.6</v>
      </c>
      <c r="M2056" s="45">
        <v>2.2000000000000002</v>
      </c>
      <c r="N2056" s="45">
        <v>14.6</v>
      </c>
      <c r="O2056" s="45">
        <v>0</v>
      </c>
      <c r="P2056" s="45">
        <v>0</v>
      </c>
      <c r="Q2056" s="46">
        <v>3.4</v>
      </c>
    </row>
    <row r="2057" spans="1:25" ht="21.6" x14ac:dyDescent="0.2">
      <c r="B2057" s="72"/>
      <c r="C2057" s="39" t="s">
        <v>48</v>
      </c>
      <c r="D2057" s="47">
        <v>376</v>
      </c>
      <c r="E2057" s="48">
        <v>11.7</v>
      </c>
      <c r="F2057" s="48">
        <v>17.3</v>
      </c>
      <c r="G2057" s="48">
        <v>30.1</v>
      </c>
      <c r="H2057" s="48">
        <v>7.4</v>
      </c>
      <c r="I2057" s="48">
        <v>6.1</v>
      </c>
      <c r="J2057" s="48">
        <v>8.8000000000000007</v>
      </c>
      <c r="K2057" s="48">
        <v>9.8000000000000007</v>
      </c>
      <c r="L2057" s="48">
        <v>21</v>
      </c>
      <c r="M2057" s="48">
        <v>5.3</v>
      </c>
      <c r="N2057" s="48">
        <v>11.7</v>
      </c>
      <c r="O2057" s="48">
        <v>0.3</v>
      </c>
      <c r="P2057" s="48">
        <v>0</v>
      </c>
      <c r="Q2057" s="49">
        <v>4.5</v>
      </c>
    </row>
    <row r="2058" spans="1:25" x14ac:dyDescent="0.2">
      <c r="B2058" s="7" t="s">
        <v>49</v>
      </c>
      <c r="C2058" s="4" t="s">
        <v>242</v>
      </c>
    </row>
    <row r="2059" spans="1:25" x14ac:dyDescent="0.2">
      <c r="B2059" s="4"/>
      <c r="C2059" s="4" t="s">
        <v>51</v>
      </c>
    </row>
    <row r="2061" spans="1:25" x14ac:dyDescent="0.2">
      <c r="A2061" s="26" t="s">
        <v>25</v>
      </c>
      <c r="B2061" t="s">
        <v>35</v>
      </c>
      <c r="C2061" t="s">
        <v>35</v>
      </c>
    </row>
    <row r="2062" spans="1:25" x14ac:dyDescent="0.2">
      <c r="B2062" s="70" t="s">
        <v>243</v>
      </c>
      <c r="C2062" s="71"/>
      <c r="D2062" s="71"/>
      <c r="E2062" s="71"/>
      <c r="F2062" s="71"/>
      <c r="G2062" s="71"/>
      <c r="H2062" s="71"/>
      <c r="I2062" s="71"/>
      <c r="J2062" s="71"/>
      <c r="K2062" s="71"/>
      <c r="L2062" s="71"/>
      <c r="M2062" s="71"/>
      <c r="N2062" s="71"/>
      <c r="O2062" s="71"/>
      <c r="P2062" s="71"/>
      <c r="Q2062" s="71"/>
      <c r="R2062" s="71"/>
      <c r="S2062" s="71"/>
      <c r="T2062" s="71"/>
      <c r="U2062" s="71"/>
      <c r="V2062" s="71"/>
      <c r="W2062" s="71"/>
      <c r="X2062" s="71"/>
      <c r="Y2062" s="71"/>
    </row>
    <row r="2063" spans="1:25" s="32" customFormat="1" ht="101.25" customHeight="1" x14ac:dyDescent="0.15">
      <c r="A2063" s="31"/>
      <c r="D2063" s="33" t="s">
        <v>341</v>
      </c>
      <c r="E2063" s="36" t="s">
        <v>640</v>
      </c>
      <c r="F2063" s="51" t="s">
        <v>641</v>
      </c>
      <c r="G2063" s="51" t="s">
        <v>642</v>
      </c>
      <c r="H2063" s="51" t="s">
        <v>643</v>
      </c>
      <c r="I2063" s="51" t="s">
        <v>644</v>
      </c>
      <c r="J2063" s="51" t="s">
        <v>645</v>
      </c>
      <c r="K2063" s="51" t="s">
        <v>646</v>
      </c>
      <c r="L2063" s="51" t="s">
        <v>647</v>
      </c>
      <c r="M2063" s="51" t="s">
        <v>648</v>
      </c>
      <c r="N2063" s="51" t="s">
        <v>649</v>
      </c>
      <c r="O2063" s="51" t="s">
        <v>430</v>
      </c>
      <c r="P2063" s="51" t="s">
        <v>650</v>
      </c>
      <c r="Q2063" s="37" t="s">
        <v>651</v>
      </c>
      <c r="R2063" s="35" t="s">
        <v>344</v>
      </c>
    </row>
    <row r="2064" spans="1:25" x14ac:dyDescent="0.2">
      <c r="B2064" s="5"/>
      <c r="C2064" s="40" t="s">
        <v>38</v>
      </c>
      <c r="D2064" s="41">
        <v>1049</v>
      </c>
      <c r="E2064" s="42">
        <v>7.1</v>
      </c>
      <c r="F2064" s="42">
        <v>3.4</v>
      </c>
      <c r="G2064" s="42">
        <v>30.1</v>
      </c>
      <c r="H2064" s="42">
        <v>9.4</v>
      </c>
      <c r="I2064" s="42">
        <v>4.2</v>
      </c>
      <c r="J2064" s="42">
        <v>6.9</v>
      </c>
      <c r="K2064" s="42">
        <v>5.9</v>
      </c>
      <c r="L2064" s="42">
        <v>24.5</v>
      </c>
      <c r="M2064" s="42">
        <v>14.1</v>
      </c>
      <c r="N2064" s="42">
        <v>15.6</v>
      </c>
      <c r="O2064" s="42">
        <v>0.3</v>
      </c>
      <c r="P2064" s="42">
        <v>0</v>
      </c>
      <c r="Q2064" s="43">
        <v>7.9</v>
      </c>
    </row>
    <row r="2065" spans="1:25" x14ac:dyDescent="0.2">
      <c r="B2065" s="72" t="s">
        <v>37</v>
      </c>
      <c r="C2065" s="38" t="s">
        <v>39</v>
      </c>
      <c r="D2065" s="44">
        <v>497</v>
      </c>
      <c r="E2065" s="45">
        <v>6</v>
      </c>
      <c r="F2065" s="45">
        <v>2.6</v>
      </c>
      <c r="G2065" s="45">
        <v>30.4</v>
      </c>
      <c r="H2065" s="45">
        <v>9.9</v>
      </c>
      <c r="I2065" s="45">
        <v>2.4</v>
      </c>
      <c r="J2065" s="45">
        <v>5.6</v>
      </c>
      <c r="K2065" s="45">
        <v>4</v>
      </c>
      <c r="L2065" s="45">
        <v>28.2</v>
      </c>
      <c r="M2065" s="45">
        <v>14.7</v>
      </c>
      <c r="N2065" s="45">
        <v>16.100000000000001</v>
      </c>
      <c r="O2065" s="45">
        <v>0.4</v>
      </c>
      <c r="P2065" s="45">
        <v>0</v>
      </c>
      <c r="Q2065" s="46">
        <v>8.9</v>
      </c>
    </row>
    <row r="2066" spans="1:25" x14ac:dyDescent="0.2">
      <c r="B2066" s="72"/>
      <c r="C2066" s="38" t="s">
        <v>40</v>
      </c>
      <c r="D2066" s="44">
        <v>176</v>
      </c>
      <c r="E2066" s="45">
        <v>9.6999999999999993</v>
      </c>
      <c r="F2066" s="45">
        <v>1.7</v>
      </c>
      <c r="G2066" s="45">
        <v>26.1</v>
      </c>
      <c r="H2066" s="45">
        <v>6.8</v>
      </c>
      <c r="I2066" s="45">
        <v>4.5</v>
      </c>
      <c r="J2066" s="45">
        <v>7.4</v>
      </c>
      <c r="K2066" s="45">
        <v>5.7</v>
      </c>
      <c r="L2066" s="45">
        <v>18.2</v>
      </c>
      <c r="M2066" s="45">
        <v>17</v>
      </c>
      <c r="N2066" s="45">
        <v>16.5</v>
      </c>
      <c r="O2066" s="45">
        <v>0.6</v>
      </c>
      <c r="P2066" s="45">
        <v>0</v>
      </c>
      <c r="Q2066" s="46">
        <v>6.3</v>
      </c>
    </row>
    <row r="2067" spans="1:25" x14ac:dyDescent="0.2">
      <c r="B2067" s="72"/>
      <c r="C2067" s="38" t="s">
        <v>41</v>
      </c>
      <c r="D2067" s="44">
        <v>23</v>
      </c>
      <c r="E2067" s="45">
        <v>4.3</v>
      </c>
      <c r="F2067" s="45">
        <v>4.3</v>
      </c>
      <c r="G2067" s="45">
        <v>39.1</v>
      </c>
      <c r="H2067" s="45">
        <v>13</v>
      </c>
      <c r="I2067" s="45">
        <v>8.6999999999999993</v>
      </c>
      <c r="J2067" s="45">
        <v>4.3</v>
      </c>
      <c r="K2067" s="45">
        <v>4.3</v>
      </c>
      <c r="L2067" s="45">
        <v>30.4</v>
      </c>
      <c r="M2067" s="45">
        <v>8.6999999999999993</v>
      </c>
      <c r="N2067" s="45">
        <v>8.6999999999999993</v>
      </c>
      <c r="O2067" s="45">
        <v>0</v>
      </c>
      <c r="P2067" s="45">
        <v>0</v>
      </c>
      <c r="Q2067" s="46">
        <v>21.7</v>
      </c>
    </row>
    <row r="2068" spans="1:25" x14ac:dyDescent="0.2">
      <c r="B2068" s="72"/>
      <c r="C2068" s="38" t="s">
        <v>42</v>
      </c>
      <c r="D2068" s="44">
        <v>32</v>
      </c>
      <c r="E2068" s="45">
        <v>3.1</v>
      </c>
      <c r="F2068" s="45">
        <v>0</v>
      </c>
      <c r="G2068" s="45">
        <v>28.1</v>
      </c>
      <c r="H2068" s="45">
        <v>3.1</v>
      </c>
      <c r="I2068" s="45">
        <v>15.6</v>
      </c>
      <c r="J2068" s="45">
        <v>9.4</v>
      </c>
      <c r="K2068" s="45">
        <v>9.4</v>
      </c>
      <c r="L2068" s="45">
        <v>18.8</v>
      </c>
      <c r="M2068" s="45">
        <v>6.3</v>
      </c>
      <c r="N2068" s="45">
        <v>9.4</v>
      </c>
      <c r="O2068" s="45">
        <v>0</v>
      </c>
      <c r="P2068" s="45">
        <v>0</v>
      </c>
      <c r="Q2068" s="46">
        <v>9.4</v>
      </c>
    </row>
    <row r="2069" spans="1:25" x14ac:dyDescent="0.2">
      <c r="B2069" s="72"/>
      <c r="C2069" s="38" t="s">
        <v>43</v>
      </c>
      <c r="D2069" s="44">
        <v>40</v>
      </c>
      <c r="E2069" s="45">
        <v>7.5</v>
      </c>
      <c r="F2069" s="45">
        <v>10</v>
      </c>
      <c r="G2069" s="45">
        <v>42.5</v>
      </c>
      <c r="H2069" s="45">
        <v>5</v>
      </c>
      <c r="I2069" s="45">
        <v>2.5</v>
      </c>
      <c r="J2069" s="45">
        <v>7.5</v>
      </c>
      <c r="K2069" s="45">
        <v>0</v>
      </c>
      <c r="L2069" s="45">
        <v>22.5</v>
      </c>
      <c r="M2069" s="45">
        <v>12.5</v>
      </c>
      <c r="N2069" s="45">
        <v>15</v>
      </c>
      <c r="O2069" s="45">
        <v>0</v>
      </c>
      <c r="P2069" s="45">
        <v>0</v>
      </c>
      <c r="Q2069" s="46">
        <v>5</v>
      </c>
    </row>
    <row r="2070" spans="1:25" x14ac:dyDescent="0.2">
      <c r="B2070" s="72"/>
      <c r="C2070" s="38" t="s">
        <v>44</v>
      </c>
      <c r="D2070" s="44">
        <v>143</v>
      </c>
      <c r="E2070" s="45">
        <v>5.6</v>
      </c>
      <c r="F2070" s="45">
        <v>4.9000000000000004</v>
      </c>
      <c r="G2070" s="45">
        <v>27.3</v>
      </c>
      <c r="H2070" s="45">
        <v>9.8000000000000007</v>
      </c>
      <c r="I2070" s="45">
        <v>6.3</v>
      </c>
      <c r="J2070" s="45">
        <v>5.6</v>
      </c>
      <c r="K2070" s="45">
        <v>9.1</v>
      </c>
      <c r="L2070" s="45">
        <v>19.600000000000001</v>
      </c>
      <c r="M2070" s="45">
        <v>14.7</v>
      </c>
      <c r="N2070" s="45">
        <v>16.100000000000001</v>
      </c>
      <c r="O2070" s="45">
        <v>0</v>
      </c>
      <c r="P2070" s="45">
        <v>0</v>
      </c>
      <c r="Q2070" s="46">
        <v>9.1</v>
      </c>
    </row>
    <row r="2071" spans="1:25" x14ac:dyDescent="0.2">
      <c r="B2071" s="72"/>
      <c r="C2071" s="38" t="s">
        <v>45</v>
      </c>
      <c r="D2071" s="44">
        <v>38</v>
      </c>
      <c r="E2071" s="45">
        <v>2.6</v>
      </c>
      <c r="F2071" s="45">
        <v>7.9</v>
      </c>
      <c r="G2071" s="45">
        <v>36.799999999999997</v>
      </c>
      <c r="H2071" s="45">
        <v>13.2</v>
      </c>
      <c r="I2071" s="45">
        <v>5.3</v>
      </c>
      <c r="J2071" s="45">
        <v>18.399999999999999</v>
      </c>
      <c r="K2071" s="45">
        <v>13.2</v>
      </c>
      <c r="L2071" s="45">
        <v>34.200000000000003</v>
      </c>
      <c r="M2071" s="45">
        <v>15.8</v>
      </c>
      <c r="N2071" s="45">
        <v>18.399999999999999</v>
      </c>
      <c r="O2071" s="45">
        <v>0</v>
      </c>
      <c r="P2071" s="45">
        <v>0</v>
      </c>
      <c r="Q2071" s="46">
        <v>2.6</v>
      </c>
    </row>
    <row r="2072" spans="1:25" x14ac:dyDescent="0.2">
      <c r="B2072" s="72"/>
      <c r="C2072" s="38" t="s">
        <v>46</v>
      </c>
      <c r="D2072" s="44">
        <v>11</v>
      </c>
      <c r="E2072" s="45">
        <v>27.3</v>
      </c>
      <c r="F2072" s="45">
        <v>0</v>
      </c>
      <c r="G2072" s="45">
        <v>45.5</v>
      </c>
      <c r="H2072" s="45">
        <v>9.1</v>
      </c>
      <c r="I2072" s="45">
        <v>0</v>
      </c>
      <c r="J2072" s="45">
        <v>0</v>
      </c>
      <c r="K2072" s="45">
        <v>0</v>
      </c>
      <c r="L2072" s="45">
        <v>27.3</v>
      </c>
      <c r="M2072" s="45">
        <v>9.1</v>
      </c>
      <c r="N2072" s="45">
        <v>9.1</v>
      </c>
      <c r="O2072" s="45">
        <v>0</v>
      </c>
      <c r="P2072" s="45">
        <v>0</v>
      </c>
      <c r="Q2072" s="46">
        <v>0</v>
      </c>
    </row>
    <row r="2073" spans="1:25" x14ac:dyDescent="0.2">
      <c r="B2073" s="72"/>
      <c r="C2073" s="38" t="s">
        <v>47</v>
      </c>
      <c r="D2073" s="44">
        <v>89</v>
      </c>
      <c r="E2073" s="45">
        <v>11.2</v>
      </c>
      <c r="F2073" s="45">
        <v>5.6</v>
      </c>
      <c r="G2073" s="45">
        <v>29.2</v>
      </c>
      <c r="H2073" s="45">
        <v>13.5</v>
      </c>
      <c r="I2073" s="45">
        <v>5.6</v>
      </c>
      <c r="J2073" s="45">
        <v>10.1</v>
      </c>
      <c r="K2073" s="45">
        <v>11.2</v>
      </c>
      <c r="L2073" s="45">
        <v>21.3</v>
      </c>
      <c r="M2073" s="45">
        <v>9</v>
      </c>
      <c r="N2073" s="45">
        <v>14.6</v>
      </c>
      <c r="O2073" s="45">
        <v>0</v>
      </c>
      <c r="P2073" s="45">
        <v>0</v>
      </c>
      <c r="Q2073" s="46">
        <v>4.5</v>
      </c>
    </row>
    <row r="2074" spans="1:25" ht="21.6" x14ac:dyDescent="0.2">
      <c r="B2074" s="72"/>
      <c r="C2074" s="39" t="s">
        <v>48</v>
      </c>
      <c r="D2074" s="47">
        <v>376</v>
      </c>
      <c r="E2074" s="48">
        <v>7.2</v>
      </c>
      <c r="F2074" s="48">
        <v>5.3</v>
      </c>
      <c r="G2074" s="48">
        <v>31.6</v>
      </c>
      <c r="H2074" s="48">
        <v>10.1</v>
      </c>
      <c r="I2074" s="48">
        <v>6.4</v>
      </c>
      <c r="J2074" s="48">
        <v>8.1999999999999993</v>
      </c>
      <c r="K2074" s="48">
        <v>8.5</v>
      </c>
      <c r="L2074" s="48">
        <v>22.6</v>
      </c>
      <c r="M2074" s="48">
        <v>12</v>
      </c>
      <c r="N2074" s="48">
        <v>14.6</v>
      </c>
      <c r="O2074" s="48">
        <v>0</v>
      </c>
      <c r="P2074" s="48">
        <v>0</v>
      </c>
      <c r="Q2074" s="49">
        <v>7.4</v>
      </c>
    </row>
    <row r="2075" spans="1:25" x14ac:dyDescent="0.2">
      <c r="B2075" s="7" t="s">
        <v>49</v>
      </c>
      <c r="C2075" s="4" t="s">
        <v>244</v>
      </c>
    </row>
    <row r="2076" spans="1:25" x14ac:dyDescent="0.2">
      <c r="B2076" s="4"/>
      <c r="C2076" s="4" t="s">
        <v>51</v>
      </c>
    </row>
    <row r="2078" spans="1:25" x14ac:dyDescent="0.2">
      <c r="A2078" s="26" t="s">
        <v>25</v>
      </c>
      <c r="B2078" t="s">
        <v>35</v>
      </c>
      <c r="C2078" t="s">
        <v>35</v>
      </c>
    </row>
    <row r="2079" spans="1:25" x14ac:dyDescent="0.2">
      <c r="B2079" s="70" t="s">
        <v>245</v>
      </c>
      <c r="C2079" s="71"/>
      <c r="D2079" s="71"/>
      <c r="E2079" s="71"/>
      <c r="F2079" s="71"/>
      <c r="G2079" s="71"/>
      <c r="H2079" s="71"/>
      <c r="I2079" s="71"/>
      <c r="J2079" s="71"/>
      <c r="K2079" s="71"/>
      <c r="L2079" s="71"/>
      <c r="M2079" s="71"/>
      <c r="N2079" s="71"/>
      <c r="O2079" s="71"/>
      <c r="P2079" s="71"/>
      <c r="Q2079" s="71"/>
      <c r="R2079" s="71"/>
      <c r="S2079" s="71"/>
      <c r="T2079" s="71"/>
      <c r="U2079" s="71"/>
      <c r="V2079" s="71"/>
      <c r="W2079" s="71"/>
      <c r="X2079" s="71"/>
      <c r="Y2079" s="71"/>
    </row>
    <row r="2080" spans="1:25" s="32" customFormat="1" ht="101.25" customHeight="1" x14ac:dyDescent="0.15">
      <c r="A2080" s="31"/>
      <c r="D2080" s="33" t="s">
        <v>341</v>
      </c>
      <c r="E2080" s="36" t="s">
        <v>640</v>
      </c>
      <c r="F2080" s="51" t="s">
        <v>641</v>
      </c>
      <c r="G2080" s="51" t="s">
        <v>642</v>
      </c>
      <c r="H2080" s="51" t="s">
        <v>643</v>
      </c>
      <c r="I2080" s="51" t="s">
        <v>644</v>
      </c>
      <c r="J2080" s="51" t="s">
        <v>645</v>
      </c>
      <c r="K2080" s="51" t="s">
        <v>646</v>
      </c>
      <c r="L2080" s="51" t="s">
        <v>647</v>
      </c>
      <c r="M2080" s="51" t="s">
        <v>648</v>
      </c>
      <c r="N2080" s="51" t="s">
        <v>649</v>
      </c>
      <c r="O2080" s="37" t="s">
        <v>430</v>
      </c>
      <c r="P2080" s="35" t="s">
        <v>344</v>
      </c>
    </row>
    <row r="2081" spans="1:25" x14ac:dyDescent="0.2">
      <c r="B2081" s="5"/>
      <c r="C2081" s="40" t="s">
        <v>38</v>
      </c>
      <c r="D2081" s="41">
        <v>779</v>
      </c>
      <c r="E2081" s="42">
        <v>14.5</v>
      </c>
      <c r="F2081" s="42">
        <v>12.2</v>
      </c>
      <c r="G2081" s="42">
        <v>24.6</v>
      </c>
      <c r="H2081" s="42">
        <v>4</v>
      </c>
      <c r="I2081" s="42">
        <v>3.2</v>
      </c>
      <c r="J2081" s="42">
        <v>2.7</v>
      </c>
      <c r="K2081" s="42">
        <v>6.7</v>
      </c>
      <c r="L2081" s="42">
        <v>18.2</v>
      </c>
      <c r="M2081" s="42">
        <v>3.2</v>
      </c>
      <c r="N2081" s="42">
        <v>10.4</v>
      </c>
      <c r="O2081" s="43">
        <v>0.3</v>
      </c>
    </row>
    <row r="2082" spans="1:25" x14ac:dyDescent="0.2">
      <c r="B2082" s="72" t="s">
        <v>37</v>
      </c>
      <c r="C2082" s="38" t="s">
        <v>39</v>
      </c>
      <c r="D2082" s="44">
        <v>357</v>
      </c>
      <c r="E2082" s="45">
        <v>15.4</v>
      </c>
      <c r="F2082" s="45">
        <v>11.5</v>
      </c>
      <c r="G2082" s="45">
        <v>26.1</v>
      </c>
      <c r="H2082" s="45">
        <v>3.6</v>
      </c>
      <c r="I2082" s="45">
        <v>1.4</v>
      </c>
      <c r="J2082" s="45">
        <v>1.7</v>
      </c>
      <c r="K2082" s="45">
        <v>5</v>
      </c>
      <c r="L2082" s="45">
        <v>19.899999999999999</v>
      </c>
      <c r="M2082" s="45">
        <v>3.4</v>
      </c>
      <c r="N2082" s="45">
        <v>11.5</v>
      </c>
      <c r="O2082" s="46">
        <v>0.6</v>
      </c>
    </row>
    <row r="2083" spans="1:25" x14ac:dyDescent="0.2">
      <c r="B2083" s="72"/>
      <c r="C2083" s="38" t="s">
        <v>40</v>
      </c>
      <c r="D2083" s="44">
        <v>144</v>
      </c>
      <c r="E2083" s="45">
        <v>16.7</v>
      </c>
      <c r="F2083" s="45">
        <v>16</v>
      </c>
      <c r="G2083" s="45">
        <v>21.5</v>
      </c>
      <c r="H2083" s="45">
        <v>1.4</v>
      </c>
      <c r="I2083" s="45">
        <v>4.2</v>
      </c>
      <c r="J2083" s="45">
        <v>2.8</v>
      </c>
      <c r="K2083" s="45">
        <v>5.6</v>
      </c>
      <c r="L2083" s="45">
        <v>17.399999999999999</v>
      </c>
      <c r="M2083" s="45">
        <v>3.5</v>
      </c>
      <c r="N2083" s="45">
        <v>11.1</v>
      </c>
      <c r="O2083" s="46">
        <v>0</v>
      </c>
    </row>
    <row r="2084" spans="1:25" x14ac:dyDescent="0.2">
      <c r="B2084" s="72"/>
      <c r="C2084" s="38" t="s">
        <v>41</v>
      </c>
      <c r="D2084" s="44">
        <v>18</v>
      </c>
      <c r="E2084" s="45">
        <v>11.1</v>
      </c>
      <c r="F2084" s="45">
        <v>0</v>
      </c>
      <c r="G2084" s="45">
        <v>27.8</v>
      </c>
      <c r="H2084" s="45">
        <v>5.6</v>
      </c>
      <c r="I2084" s="45">
        <v>0</v>
      </c>
      <c r="J2084" s="45">
        <v>0</v>
      </c>
      <c r="K2084" s="45">
        <v>22.2</v>
      </c>
      <c r="L2084" s="45">
        <v>22.2</v>
      </c>
      <c r="M2084" s="45">
        <v>0</v>
      </c>
      <c r="N2084" s="45">
        <v>11.1</v>
      </c>
      <c r="O2084" s="46">
        <v>0</v>
      </c>
    </row>
    <row r="2085" spans="1:25" x14ac:dyDescent="0.2">
      <c r="B2085" s="72"/>
      <c r="C2085" s="38" t="s">
        <v>42</v>
      </c>
      <c r="D2085" s="44">
        <v>26</v>
      </c>
      <c r="E2085" s="45">
        <v>30.8</v>
      </c>
      <c r="F2085" s="45">
        <v>7.7</v>
      </c>
      <c r="G2085" s="45">
        <v>30.8</v>
      </c>
      <c r="H2085" s="45">
        <v>3.8</v>
      </c>
      <c r="I2085" s="45">
        <v>3.8</v>
      </c>
      <c r="J2085" s="45">
        <v>3.8</v>
      </c>
      <c r="K2085" s="45">
        <v>11.5</v>
      </c>
      <c r="L2085" s="45">
        <v>3.8</v>
      </c>
      <c r="M2085" s="45">
        <v>0</v>
      </c>
      <c r="N2085" s="45">
        <v>3.8</v>
      </c>
      <c r="O2085" s="46">
        <v>0</v>
      </c>
    </row>
    <row r="2086" spans="1:25" x14ac:dyDescent="0.2">
      <c r="B2086" s="72"/>
      <c r="C2086" s="38" t="s">
        <v>43</v>
      </c>
      <c r="D2086" s="44">
        <v>30</v>
      </c>
      <c r="E2086" s="45">
        <v>13.3</v>
      </c>
      <c r="F2086" s="45">
        <v>16.7</v>
      </c>
      <c r="G2086" s="45">
        <v>33.299999999999997</v>
      </c>
      <c r="H2086" s="45">
        <v>3.3</v>
      </c>
      <c r="I2086" s="45">
        <v>3.3</v>
      </c>
      <c r="J2086" s="45">
        <v>3.3</v>
      </c>
      <c r="K2086" s="45">
        <v>0</v>
      </c>
      <c r="L2086" s="45">
        <v>20</v>
      </c>
      <c r="M2086" s="45">
        <v>0</v>
      </c>
      <c r="N2086" s="45">
        <v>6.7</v>
      </c>
      <c r="O2086" s="46">
        <v>0</v>
      </c>
    </row>
    <row r="2087" spans="1:25" x14ac:dyDescent="0.2">
      <c r="B2087" s="72"/>
      <c r="C2087" s="38" t="s">
        <v>44</v>
      </c>
      <c r="D2087" s="44">
        <v>107</v>
      </c>
      <c r="E2087" s="45">
        <v>8.4</v>
      </c>
      <c r="F2087" s="45">
        <v>17.8</v>
      </c>
      <c r="G2087" s="45">
        <v>20.6</v>
      </c>
      <c r="H2087" s="45">
        <v>5.6</v>
      </c>
      <c r="I2087" s="45">
        <v>4.7</v>
      </c>
      <c r="J2087" s="45">
        <v>3.7</v>
      </c>
      <c r="K2087" s="45">
        <v>7.5</v>
      </c>
      <c r="L2087" s="45">
        <v>15.9</v>
      </c>
      <c r="M2087" s="45">
        <v>6.5</v>
      </c>
      <c r="N2087" s="45">
        <v>9.3000000000000007</v>
      </c>
      <c r="O2087" s="46">
        <v>0</v>
      </c>
    </row>
    <row r="2088" spans="1:25" x14ac:dyDescent="0.2">
      <c r="B2088" s="72"/>
      <c r="C2088" s="38" t="s">
        <v>45</v>
      </c>
      <c r="D2088" s="44">
        <v>24</v>
      </c>
      <c r="E2088" s="45">
        <v>8.3000000000000007</v>
      </c>
      <c r="F2088" s="45">
        <v>0</v>
      </c>
      <c r="G2088" s="45">
        <v>20.8</v>
      </c>
      <c r="H2088" s="45">
        <v>8.3000000000000007</v>
      </c>
      <c r="I2088" s="45">
        <v>8.3000000000000007</v>
      </c>
      <c r="J2088" s="45">
        <v>4.2</v>
      </c>
      <c r="K2088" s="45">
        <v>12.5</v>
      </c>
      <c r="L2088" s="45">
        <v>25</v>
      </c>
      <c r="M2088" s="45">
        <v>4.2</v>
      </c>
      <c r="N2088" s="45">
        <v>8.3000000000000007</v>
      </c>
      <c r="O2088" s="46">
        <v>0</v>
      </c>
    </row>
    <row r="2089" spans="1:25" x14ac:dyDescent="0.2">
      <c r="B2089" s="72"/>
      <c r="C2089" s="38" t="s">
        <v>46</v>
      </c>
      <c r="D2089" s="44">
        <v>9</v>
      </c>
      <c r="E2089" s="45">
        <v>11.1</v>
      </c>
      <c r="F2089" s="45">
        <v>0</v>
      </c>
      <c r="G2089" s="45">
        <v>44.4</v>
      </c>
      <c r="H2089" s="45">
        <v>11.1</v>
      </c>
      <c r="I2089" s="45">
        <v>0</v>
      </c>
      <c r="J2089" s="45">
        <v>11.1</v>
      </c>
      <c r="K2089" s="45">
        <v>0</v>
      </c>
      <c r="L2089" s="45">
        <v>11.1</v>
      </c>
      <c r="M2089" s="45">
        <v>0</v>
      </c>
      <c r="N2089" s="45">
        <v>11.1</v>
      </c>
      <c r="O2089" s="46">
        <v>0</v>
      </c>
    </row>
    <row r="2090" spans="1:25" x14ac:dyDescent="0.2">
      <c r="B2090" s="72"/>
      <c r="C2090" s="38" t="s">
        <v>47</v>
      </c>
      <c r="D2090" s="44">
        <v>64</v>
      </c>
      <c r="E2090" s="45">
        <v>12.5</v>
      </c>
      <c r="F2090" s="45">
        <v>7.8</v>
      </c>
      <c r="G2090" s="45">
        <v>21.9</v>
      </c>
      <c r="H2090" s="45">
        <v>6.3</v>
      </c>
      <c r="I2090" s="45">
        <v>7.8</v>
      </c>
      <c r="J2090" s="45">
        <v>4.7</v>
      </c>
      <c r="K2090" s="45">
        <v>12.5</v>
      </c>
      <c r="L2090" s="45">
        <v>17.2</v>
      </c>
      <c r="M2090" s="45">
        <v>0</v>
      </c>
      <c r="N2090" s="45">
        <v>9.4</v>
      </c>
      <c r="O2090" s="46">
        <v>0</v>
      </c>
    </row>
    <row r="2091" spans="1:25" ht="21.6" x14ac:dyDescent="0.2">
      <c r="B2091" s="72"/>
      <c r="C2091" s="39" t="s">
        <v>48</v>
      </c>
      <c r="D2091" s="47">
        <v>278</v>
      </c>
      <c r="E2091" s="48">
        <v>12.2</v>
      </c>
      <c r="F2091" s="48">
        <v>11.2</v>
      </c>
      <c r="G2091" s="48">
        <v>24.5</v>
      </c>
      <c r="H2091" s="48">
        <v>5.8</v>
      </c>
      <c r="I2091" s="48">
        <v>5</v>
      </c>
      <c r="J2091" s="48">
        <v>4</v>
      </c>
      <c r="K2091" s="48">
        <v>9.4</v>
      </c>
      <c r="L2091" s="48">
        <v>16.5</v>
      </c>
      <c r="M2091" s="48">
        <v>2.9</v>
      </c>
      <c r="N2091" s="48">
        <v>8.6</v>
      </c>
      <c r="O2091" s="49">
        <v>0</v>
      </c>
    </row>
    <row r="2093" spans="1:25" x14ac:dyDescent="0.2">
      <c r="A2093" s="26" t="s">
        <v>25</v>
      </c>
      <c r="B2093" t="s">
        <v>35</v>
      </c>
      <c r="C2093" t="s">
        <v>35</v>
      </c>
    </row>
    <row r="2094" spans="1:25" x14ac:dyDescent="0.2">
      <c r="B2094" s="70" t="s">
        <v>246</v>
      </c>
      <c r="C2094" s="71"/>
      <c r="D2094" s="71"/>
      <c r="E2094" s="71"/>
      <c r="F2094" s="71"/>
      <c r="G2094" s="71"/>
      <c r="H2094" s="71"/>
      <c r="I2094" s="71"/>
      <c r="J2094" s="71"/>
      <c r="K2094" s="71"/>
      <c r="L2094" s="71"/>
      <c r="M2094" s="71"/>
      <c r="N2094" s="71"/>
      <c r="O2094" s="71"/>
      <c r="P2094" s="71"/>
      <c r="Q2094" s="71"/>
      <c r="R2094" s="71"/>
      <c r="S2094" s="71"/>
      <c r="T2094" s="71"/>
      <c r="U2094" s="71"/>
      <c r="V2094" s="71"/>
      <c r="W2094" s="71"/>
      <c r="X2094" s="71"/>
      <c r="Y2094" s="71"/>
    </row>
    <row r="2095" spans="1:25" s="32" customFormat="1" ht="101.25" customHeight="1" x14ac:dyDescent="0.15">
      <c r="A2095" s="31"/>
      <c r="D2095" s="33" t="s">
        <v>341</v>
      </c>
      <c r="E2095" s="36" t="s">
        <v>640</v>
      </c>
      <c r="F2095" s="51" t="s">
        <v>641</v>
      </c>
      <c r="G2095" s="51" t="s">
        <v>642</v>
      </c>
      <c r="H2095" s="51" t="s">
        <v>643</v>
      </c>
      <c r="I2095" s="51" t="s">
        <v>644</v>
      </c>
      <c r="J2095" s="51" t="s">
        <v>645</v>
      </c>
      <c r="K2095" s="51" t="s">
        <v>646</v>
      </c>
      <c r="L2095" s="51" t="s">
        <v>647</v>
      </c>
      <c r="M2095" s="51" t="s">
        <v>648</v>
      </c>
      <c r="N2095" s="51" t="s">
        <v>649</v>
      </c>
      <c r="O2095" s="37" t="s">
        <v>430</v>
      </c>
      <c r="P2095" s="35" t="s">
        <v>344</v>
      </c>
    </row>
    <row r="2096" spans="1:25" x14ac:dyDescent="0.2">
      <c r="B2096" s="5"/>
      <c r="C2096" s="40" t="s">
        <v>38</v>
      </c>
      <c r="D2096" s="41">
        <v>747</v>
      </c>
      <c r="E2096" s="42">
        <v>7.9</v>
      </c>
      <c r="F2096" s="42">
        <v>2.1</v>
      </c>
      <c r="G2096" s="42">
        <v>25.4</v>
      </c>
      <c r="H2096" s="42">
        <v>5.5</v>
      </c>
      <c r="I2096" s="42">
        <v>3.2</v>
      </c>
      <c r="J2096" s="42">
        <v>4.8</v>
      </c>
      <c r="K2096" s="42">
        <v>5.4</v>
      </c>
      <c r="L2096" s="42">
        <v>20.6</v>
      </c>
      <c r="M2096" s="42">
        <v>8.6999999999999993</v>
      </c>
      <c r="N2096" s="42">
        <v>15.9</v>
      </c>
      <c r="O2096" s="43">
        <v>0.4</v>
      </c>
    </row>
    <row r="2097" spans="1:25" x14ac:dyDescent="0.2">
      <c r="B2097" s="72" t="s">
        <v>37</v>
      </c>
      <c r="C2097" s="38" t="s">
        <v>39</v>
      </c>
      <c r="D2097" s="44">
        <v>351</v>
      </c>
      <c r="E2097" s="45">
        <v>7.1</v>
      </c>
      <c r="F2097" s="45">
        <v>2.2999999999999998</v>
      </c>
      <c r="G2097" s="45">
        <v>25.9</v>
      </c>
      <c r="H2097" s="45">
        <v>5.7</v>
      </c>
      <c r="I2097" s="45">
        <v>1.4</v>
      </c>
      <c r="J2097" s="45">
        <v>3.7</v>
      </c>
      <c r="K2097" s="45">
        <v>4.3</v>
      </c>
      <c r="L2097" s="45">
        <v>23.6</v>
      </c>
      <c r="M2097" s="45">
        <v>8.3000000000000007</v>
      </c>
      <c r="N2097" s="45">
        <v>17.100000000000001</v>
      </c>
      <c r="O2097" s="46">
        <v>0.6</v>
      </c>
    </row>
    <row r="2098" spans="1:25" x14ac:dyDescent="0.2">
      <c r="B2098" s="72"/>
      <c r="C2098" s="38" t="s">
        <v>40</v>
      </c>
      <c r="D2098" s="44">
        <v>135</v>
      </c>
      <c r="E2098" s="45">
        <v>11.1</v>
      </c>
      <c r="F2098" s="45">
        <v>0.7</v>
      </c>
      <c r="G2098" s="45">
        <v>23.7</v>
      </c>
      <c r="H2098" s="45">
        <v>4.4000000000000004</v>
      </c>
      <c r="I2098" s="45">
        <v>3</v>
      </c>
      <c r="J2098" s="45">
        <v>6.7</v>
      </c>
      <c r="K2098" s="45">
        <v>3.7</v>
      </c>
      <c r="L2098" s="45">
        <v>17</v>
      </c>
      <c r="M2098" s="45">
        <v>11.9</v>
      </c>
      <c r="N2098" s="45">
        <v>17</v>
      </c>
      <c r="O2098" s="46">
        <v>0.7</v>
      </c>
    </row>
    <row r="2099" spans="1:25" x14ac:dyDescent="0.2">
      <c r="B2099" s="72"/>
      <c r="C2099" s="38" t="s">
        <v>41</v>
      </c>
      <c r="D2099" s="44">
        <v>13</v>
      </c>
      <c r="E2099" s="45">
        <v>0</v>
      </c>
      <c r="F2099" s="45">
        <v>0</v>
      </c>
      <c r="G2099" s="45">
        <v>30.8</v>
      </c>
      <c r="H2099" s="45">
        <v>7.7</v>
      </c>
      <c r="I2099" s="45">
        <v>7.7</v>
      </c>
      <c r="J2099" s="45">
        <v>0</v>
      </c>
      <c r="K2099" s="45">
        <v>7.7</v>
      </c>
      <c r="L2099" s="45">
        <v>30.8</v>
      </c>
      <c r="M2099" s="45">
        <v>7.7</v>
      </c>
      <c r="N2099" s="45">
        <v>7.7</v>
      </c>
      <c r="O2099" s="46">
        <v>0</v>
      </c>
    </row>
    <row r="2100" spans="1:25" x14ac:dyDescent="0.2">
      <c r="B2100" s="72"/>
      <c r="C2100" s="38" t="s">
        <v>42</v>
      </c>
      <c r="D2100" s="44">
        <v>26</v>
      </c>
      <c r="E2100" s="45">
        <v>3.8</v>
      </c>
      <c r="F2100" s="45">
        <v>0</v>
      </c>
      <c r="G2100" s="45">
        <v>26.9</v>
      </c>
      <c r="H2100" s="45">
        <v>3.8</v>
      </c>
      <c r="I2100" s="45">
        <v>11.5</v>
      </c>
      <c r="J2100" s="45">
        <v>7.7</v>
      </c>
      <c r="K2100" s="45">
        <v>11.5</v>
      </c>
      <c r="L2100" s="45">
        <v>15.4</v>
      </c>
      <c r="M2100" s="45">
        <v>7.7</v>
      </c>
      <c r="N2100" s="45">
        <v>11.5</v>
      </c>
      <c r="O2100" s="46">
        <v>0</v>
      </c>
    </row>
    <row r="2101" spans="1:25" x14ac:dyDescent="0.2">
      <c r="B2101" s="72"/>
      <c r="C2101" s="38" t="s">
        <v>43</v>
      </c>
      <c r="D2101" s="44">
        <v>29</v>
      </c>
      <c r="E2101" s="45">
        <v>10.3</v>
      </c>
      <c r="F2101" s="45">
        <v>3.4</v>
      </c>
      <c r="G2101" s="45">
        <v>34.5</v>
      </c>
      <c r="H2101" s="45">
        <v>6.9</v>
      </c>
      <c r="I2101" s="45">
        <v>3.4</v>
      </c>
      <c r="J2101" s="45">
        <v>6.9</v>
      </c>
      <c r="K2101" s="45">
        <v>0</v>
      </c>
      <c r="L2101" s="45">
        <v>17.2</v>
      </c>
      <c r="M2101" s="45">
        <v>6.9</v>
      </c>
      <c r="N2101" s="45">
        <v>10.3</v>
      </c>
      <c r="O2101" s="46">
        <v>0</v>
      </c>
    </row>
    <row r="2102" spans="1:25" x14ac:dyDescent="0.2">
      <c r="B2102" s="72"/>
      <c r="C2102" s="38" t="s">
        <v>44</v>
      </c>
      <c r="D2102" s="44">
        <v>102</v>
      </c>
      <c r="E2102" s="45">
        <v>5.9</v>
      </c>
      <c r="F2102" s="45">
        <v>2.9</v>
      </c>
      <c r="G2102" s="45">
        <v>25.5</v>
      </c>
      <c r="H2102" s="45">
        <v>5.9</v>
      </c>
      <c r="I2102" s="45">
        <v>5.9</v>
      </c>
      <c r="J2102" s="45">
        <v>5.9</v>
      </c>
      <c r="K2102" s="45">
        <v>4.9000000000000004</v>
      </c>
      <c r="L2102" s="45">
        <v>17.600000000000001</v>
      </c>
      <c r="M2102" s="45">
        <v>9.8000000000000007</v>
      </c>
      <c r="N2102" s="45">
        <v>15.7</v>
      </c>
      <c r="O2102" s="46">
        <v>0</v>
      </c>
    </row>
    <row r="2103" spans="1:25" x14ac:dyDescent="0.2">
      <c r="B2103" s="72"/>
      <c r="C2103" s="38" t="s">
        <v>45</v>
      </c>
      <c r="D2103" s="44">
        <v>21</v>
      </c>
      <c r="E2103" s="45">
        <v>0</v>
      </c>
      <c r="F2103" s="45">
        <v>4.8</v>
      </c>
      <c r="G2103" s="45">
        <v>19</v>
      </c>
      <c r="H2103" s="45">
        <v>4.8</v>
      </c>
      <c r="I2103" s="45">
        <v>4.8</v>
      </c>
      <c r="J2103" s="45">
        <v>0</v>
      </c>
      <c r="K2103" s="45">
        <v>9.5</v>
      </c>
      <c r="L2103" s="45">
        <v>33.299999999999997</v>
      </c>
      <c r="M2103" s="45">
        <v>4.8</v>
      </c>
      <c r="N2103" s="45">
        <v>19</v>
      </c>
      <c r="O2103" s="46">
        <v>0</v>
      </c>
    </row>
    <row r="2104" spans="1:25" x14ac:dyDescent="0.2">
      <c r="B2104" s="72"/>
      <c r="C2104" s="38" t="s">
        <v>46</v>
      </c>
      <c r="D2104" s="44">
        <v>8</v>
      </c>
      <c r="E2104" s="45">
        <v>12.5</v>
      </c>
      <c r="F2104" s="45">
        <v>0</v>
      </c>
      <c r="G2104" s="45">
        <v>50</v>
      </c>
      <c r="H2104" s="45">
        <v>0</v>
      </c>
      <c r="I2104" s="45">
        <v>0</v>
      </c>
      <c r="J2104" s="45">
        <v>0</v>
      </c>
      <c r="K2104" s="45">
        <v>0</v>
      </c>
      <c r="L2104" s="45">
        <v>12.5</v>
      </c>
      <c r="M2104" s="45">
        <v>12.5</v>
      </c>
      <c r="N2104" s="45">
        <v>12.5</v>
      </c>
      <c r="O2104" s="46">
        <v>0</v>
      </c>
    </row>
    <row r="2105" spans="1:25" x14ac:dyDescent="0.2">
      <c r="B2105" s="72"/>
      <c r="C2105" s="38" t="s">
        <v>47</v>
      </c>
      <c r="D2105" s="44">
        <v>62</v>
      </c>
      <c r="E2105" s="45">
        <v>12.9</v>
      </c>
      <c r="F2105" s="45">
        <v>3.2</v>
      </c>
      <c r="G2105" s="45">
        <v>19.399999999999999</v>
      </c>
      <c r="H2105" s="45">
        <v>6.5</v>
      </c>
      <c r="I2105" s="45">
        <v>4.8</v>
      </c>
      <c r="J2105" s="45">
        <v>6.5</v>
      </c>
      <c r="K2105" s="45">
        <v>14.5</v>
      </c>
      <c r="L2105" s="45">
        <v>14.5</v>
      </c>
      <c r="M2105" s="45">
        <v>4.8</v>
      </c>
      <c r="N2105" s="45">
        <v>12.9</v>
      </c>
      <c r="O2105" s="46">
        <v>0</v>
      </c>
    </row>
    <row r="2106" spans="1:25" ht="21.6" x14ac:dyDescent="0.2">
      <c r="B2106" s="72"/>
      <c r="C2106" s="39" t="s">
        <v>48</v>
      </c>
      <c r="D2106" s="47">
        <v>261</v>
      </c>
      <c r="E2106" s="48">
        <v>7.3</v>
      </c>
      <c r="F2106" s="48">
        <v>2.7</v>
      </c>
      <c r="G2106" s="48">
        <v>25.7</v>
      </c>
      <c r="H2106" s="48">
        <v>5.7</v>
      </c>
      <c r="I2106" s="48">
        <v>5.7</v>
      </c>
      <c r="J2106" s="48">
        <v>5.4</v>
      </c>
      <c r="K2106" s="48">
        <v>7.7</v>
      </c>
      <c r="L2106" s="48">
        <v>18.399999999999999</v>
      </c>
      <c r="M2106" s="48">
        <v>7.7</v>
      </c>
      <c r="N2106" s="48">
        <v>13.8</v>
      </c>
      <c r="O2106" s="49">
        <v>0</v>
      </c>
    </row>
    <row r="2108" spans="1:25" x14ac:dyDescent="0.2">
      <c r="A2108" s="26" t="s">
        <v>25</v>
      </c>
      <c r="B2108" t="s">
        <v>35</v>
      </c>
      <c r="C2108" t="s">
        <v>35</v>
      </c>
    </row>
    <row r="2109" spans="1:25" x14ac:dyDescent="0.2">
      <c r="B2109" s="70" t="s">
        <v>247</v>
      </c>
      <c r="C2109" s="71"/>
      <c r="D2109" s="71"/>
      <c r="E2109" s="71"/>
      <c r="F2109" s="71"/>
      <c r="G2109" s="71"/>
      <c r="H2109" s="71"/>
      <c r="I2109" s="71"/>
      <c r="J2109" s="71"/>
      <c r="K2109" s="71"/>
      <c r="L2109" s="71"/>
      <c r="M2109" s="71"/>
      <c r="N2109" s="71"/>
      <c r="O2109" s="71"/>
      <c r="P2109" s="71"/>
      <c r="Q2109" s="71"/>
      <c r="R2109" s="71"/>
      <c r="S2109" s="71"/>
      <c r="T2109" s="71"/>
      <c r="U2109" s="71"/>
      <c r="V2109" s="71"/>
      <c r="W2109" s="71"/>
      <c r="X2109" s="71"/>
      <c r="Y2109" s="71"/>
    </row>
    <row r="2110" spans="1:25" s="32" customFormat="1" ht="101.25" customHeight="1" x14ac:dyDescent="0.15">
      <c r="A2110" s="31"/>
      <c r="D2110" s="33" t="s">
        <v>341</v>
      </c>
      <c r="E2110" s="36" t="s">
        <v>652</v>
      </c>
      <c r="F2110" s="51" t="s">
        <v>653</v>
      </c>
      <c r="G2110" s="51" t="s">
        <v>654</v>
      </c>
      <c r="H2110" s="51" t="s">
        <v>655</v>
      </c>
      <c r="I2110" s="51" t="s">
        <v>656</v>
      </c>
      <c r="J2110" s="51" t="s">
        <v>657</v>
      </c>
      <c r="K2110" s="51" t="s">
        <v>658</v>
      </c>
      <c r="L2110" s="51" t="s">
        <v>659</v>
      </c>
      <c r="M2110" s="51" t="s">
        <v>660</v>
      </c>
      <c r="N2110" s="37" t="s">
        <v>443</v>
      </c>
      <c r="O2110" s="35" t="s">
        <v>344</v>
      </c>
    </row>
    <row r="2111" spans="1:25" x14ac:dyDescent="0.2">
      <c r="B2111" s="5"/>
      <c r="C2111" s="40" t="s">
        <v>38</v>
      </c>
      <c r="D2111" s="41">
        <v>4307</v>
      </c>
      <c r="E2111" s="42">
        <v>28.2</v>
      </c>
      <c r="F2111" s="42">
        <v>7.7</v>
      </c>
      <c r="G2111" s="42">
        <v>11.5</v>
      </c>
      <c r="H2111" s="42">
        <v>8.5</v>
      </c>
      <c r="I2111" s="42">
        <v>4.5</v>
      </c>
      <c r="J2111" s="42">
        <v>13.4</v>
      </c>
      <c r="K2111" s="42">
        <v>12.1</v>
      </c>
      <c r="L2111" s="42">
        <v>4</v>
      </c>
      <c r="M2111" s="42">
        <v>27.2</v>
      </c>
      <c r="N2111" s="43">
        <v>30.4</v>
      </c>
    </row>
    <row r="2112" spans="1:25" x14ac:dyDescent="0.2">
      <c r="B2112" s="72" t="s">
        <v>37</v>
      </c>
      <c r="C2112" s="38" t="s">
        <v>39</v>
      </c>
      <c r="D2112" s="44">
        <v>1325</v>
      </c>
      <c r="E2112" s="45">
        <v>27.5</v>
      </c>
      <c r="F2112" s="45">
        <v>7.3</v>
      </c>
      <c r="G2112" s="45">
        <v>12</v>
      </c>
      <c r="H2112" s="45">
        <v>9.4</v>
      </c>
      <c r="I2112" s="45">
        <v>4.5</v>
      </c>
      <c r="J2112" s="45">
        <v>18.2</v>
      </c>
      <c r="K2112" s="45">
        <v>11.5</v>
      </c>
      <c r="L2112" s="45">
        <v>3.5</v>
      </c>
      <c r="M2112" s="45">
        <v>25.4</v>
      </c>
      <c r="N2112" s="46">
        <v>30.1</v>
      </c>
    </row>
    <row r="2113" spans="1:25" x14ac:dyDescent="0.2">
      <c r="B2113" s="72"/>
      <c r="C2113" s="38" t="s">
        <v>40</v>
      </c>
      <c r="D2113" s="44">
        <v>675</v>
      </c>
      <c r="E2113" s="45">
        <v>25.5</v>
      </c>
      <c r="F2113" s="45">
        <v>6.4</v>
      </c>
      <c r="G2113" s="45">
        <v>10.1</v>
      </c>
      <c r="H2113" s="45">
        <v>9.5</v>
      </c>
      <c r="I2113" s="45">
        <v>4.3</v>
      </c>
      <c r="J2113" s="45">
        <v>13.2</v>
      </c>
      <c r="K2113" s="45">
        <v>11</v>
      </c>
      <c r="L2113" s="45">
        <v>4.7</v>
      </c>
      <c r="M2113" s="45">
        <v>28.6</v>
      </c>
      <c r="N2113" s="46">
        <v>32.299999999999997</v>
      </c>
    </row>
    <row r="2114" spans="1:25" x14ac:dyDescent="0.2">
      <c r="B2114" s="72"/>
      <c r="C2114" s="38" t="s">
        <v>41</v>
      </c>
      <c r="D2114" s="44">
        <v>168</v>
      </c>
      <c r="E2114" s="45">
        <v>26.2</v>
      </c>
      <c r="F2114" s="45">
        <v>8.3000000000000007</v>
      </c>
      <c r="G2114" s="45">
        <v>7.1</v>
      </c>
      <c r="H2114" s="45">
        <v>4.8</v>
      </c>
      <c r="I2114" s="45">
        <v>1.8</v>
      </c>
      <c r="J2114" s="45">
        <v>8.3000000000000007</v>
      </c>
      <c r="K2114" s="45">
        <v>9.5</v>
      </c>
      <c r="L2114" s="45">
        <v>3</v>
      </c>
      <c r="M2114" s="45">
        <v>31</v>
      </c>
      <c r="N2114" s="46">
        <v>30.4</v>
      </c>
    </row>
    <row r="2115" spans="1:25" x14ac:dyDescent="0.2">
      <c r="B2115" s="72"/>
      <c r="C2115" s="38" t="s">
        <v>42</v>
      </c>
      <c r="D2115" s="44">
        <v>290</v>
      </c>
      <c r="E2115" s="45">
        <v>28.6</v>
      </c>
      <c r="F2115" s="45">
        <v>9</v>
      </c>
      <c r="G2115" s="45">
        <v>11.4</v>
      </c>
      <c r="H2115" s="45">
        <v>7.6</v>
      </c>
      <c r="I2115" s="45">
        <v>3.8</v>
      </c>
      <c r="J2115" s="45">
        <v>10.7</v>
      </c>
      <c r="K2115" s="45">
        <v>12.4</v>
      </c>
      <c r="L2115" s="45">
        <v>4.0999999999999996</v>
      </c>
      <c r="M2115" s="45">
        <v>28.3</v>
      </c>
      <c r="N2115" s="46">
        <v>29.7</v>
      </c>
    </row>
    <row r="2116" spans="1:25" x14ac:dyDescent="0.2">
      <c r="B2116" s="72"/>
      <c r="C2116" s="38" t="s">
        <v>43</v>
      </c>
      <c r="D2116" s="44">
        <v>231</v>
      </c>
      <c r="E2116" s="45">
        <v>31.6</v>
      </c>
      <c r="F2116" s="45">
        <v>7.4</v>
      </c>
      <c r="G2116" s="45">
        <v>11.7</v>
      </c>
      <c r="H2116" s="45">
        <v>9.1</v>
      </c>
      <c r="I2116" s="45">
        <v>2.2000000000000002</v>
      </c>
      <c r="J2116" s="45">
        <v>10.4</v>
      </c>
      <c r="K2116" s="45">
        <v>11.3</v>
      </c>
      <c r="L2116" s="45">
        <v>3.5</v>
      </c>
      <c r="M2116" s="45">
        <v>29</v>
      </c>
      <c r="N2116" s="46">
        <v>30.7</v>
      </c>
    </row>
    <row r="2117" spans="1:25" x14ac:dyDescent="0.2">
      <c r="B2117" s="72"/>
      <c r="C2117" s="38" t="s">
        <v>44</v>
      </c>
      <c r="D2117" s="44">
        <v>800</v>
      </c>
      <c r="E2117" s="45">
        <v>29.8</v>
      </c>
      <c r="F2117" s="45">
        <v>7.6</v>
      </c>
      <c r="G2117" s="45">
        <v>12.6</v>
      </c>
      <c r="H2117" s="45">
        <v>8.1</v>
      </c>
      <c r="I2117" s="45">
        <v>4.9000000000000004</v>
      </c>
      <c r="J2117" s="45">
        <v>9.4</v>
      </c>
      <c r="K2117" s="45">
        <v>12.4</v>
      </c>
      <c r="L2117" s="45">
        <v>4.5999999999999996</v>
      </c>
      <c r="M2117" s="45">
        <v>25.5</v>
      </c>
      <c r="N2117" s="46">
        <v>33</v>
      </c>
    </row>
    <row r="2118" spans="1:25" x14ac:dyDescent="0.2">
      <c r="B2118" s="72"/>
      <c r="C2118" s="38" t="s">
        <v>45</v>
      </c>
      <c r="D2118" s="44">
        <v>240</v>
      </c>
      <c r="E2118" s="45">
        <v>30.8</v>
      </c>
      <c r="F2118" s="45">
        <v>10</v>
      </c>
      <c r="G2118" s="45">
        <v>14.2</v>
      </c>
      <c r="H2118" s="45">
        <v>7.5</v>
      </c>
      <c r="I2118" s="45">
        <v>6.3</v>
      </c>
      <c r="J2118" s="45">
        <v>12.1</v>
      </c>
      <c r="K2118" s="45">
        <v>14.2</v>
      </c>
      <c r="L2118" s="45">
        <v>2.9</v>
      </c>
      <c r="M2118" s="45">
        <v>29.2</v>
      </c>
      <c r="N2118" s="46">
        <v>26.3</v>
      </c>
    </row>
    <row r="2119" spans="1:25" x14ac:dyDescent="0.2">
      <c r="B2119" s="72"/>
      <c r="C2119" s="38" t="s">
        <v>46</v>
      </c>
      <c r="D2119" s="44">
        <v>117</v>
      </c>
      <c r="E2119" s="45">
        <v>18.8</v>
      </c>
      <c r="F2119" s="45">
        <v>6</v>
      </c>
      <c r="G2119" s="45">
        <v>11.1</v>
      </c>
      <c r="H2119" s="45">
        <v>7.7</v>
      </c>
      <c r="I2119" s="45">
        <v>6</v>
      </c>
      <c r="J2119" s="45">
        <v>11.1</v>
      </c>
      <c r="K2119" s="45">
        <v>10.3</v>
      </c>
      <c r="L2119" s="45">
        <v>3.4</v>
      </c>
      <c r="M2119" s="45">
        <v>35.9</v>
      </c>
      <c r="N2119" s="46">
        <v>28.2</v>
      </c>
    </row>
    <row r="2120" spans="1:25" x14ac:dyDescent="0.2">
      <c r="B2120" s="72"/>
      <c r="C2120" s="38" t="s">
        <v>47</v>
      </c>
      <c r="D2120" s="44">
        <v>461</v>
      </c>
      <c r="E2120" s="45">
        <v>31</v>
      </c>
      <c r="F2120" s="45">
        <v>9.1</v>
      </c>
      <c r="G2120" s="45">
        <v>10.6</v>
      </c>
      <c r="H2120" s="45">
        <v>7.8</v>
      </c>
      <c r="I2120" s="45">
        <v>5.4</v>
      </c>
      <c r="J2120" s="45">
        <v>13</v>
      </c>
      <c r="K2120" s="45">
        <v>15.2</v>
      </c>
      <c r="L2120" s="45">
        <v>4.3</v>
      </c>
      <c r="M2120" s="45">
        <v>27.5</v>
      </c>
      <c r="N2120" s="46">
        <v>27.3</v>
      </c>
    </row>
    <row r="2121" spans="1:25" ht="21.6" x14ac:dyDescent="0.2">
      <c r="B2121" s="72"/>
      <c r="C2121" s="39" t="s">
        <v>48</v>
      </c>
      <c r="D2121" s="47">
        <v>2307</v>
      </c>
      <c r="E2121" s="48">
        <v>29.3</v>
      </c>
      <c r="F2121" s="48">
        <v>8.3000000000000007</v>
      </c>
      <c r="G2121" s="48">
        <v>11.7</v>
      </c>
      <c r="H2121" s="48">
        <v>7.8</v>
      </c>
      <c r="I2121" s="48">
        <v>4.5999999999999996</v>
      </c>
      <c r="J2121" s="48">
        <v>10.7</v>
      </c>
      <c r="K2121" s="48">
        <v>12.7</v>
      </c>
      <c r="L2121" s="48">
        <v>4</v>
      </c>
      <c r="M2121" s="48">
        <v>27.9</v>
      </c>
      <c r="N2121" s="49">
        <v>30.1</v>
      </c>
    </row>
    <row r="2122" spans="1:25" x14ac:dyDescent="0.2">
      <c r="B2122" s="7" t="s">
        <v>49</v>
      </c>
      <c r="C2122" s="4" t="s">
        <v>248</v>
      </c>
    </row>
    <row r="2123" spans="1:25" x14ac:dyDescent="0.2">
      <c r="B2123" s="4"/>
      <c r="C2123" s="4" t="s">
        <v>51</v>
      </c>
    </row>
    <row r="2125" spans="1:25" x14ac:dyDescent="0.2">
      <c r="A2125" s="26" t="s">
        <v>25</v>
      </c>
      <c r="B2125" t="s">
        <v>35</v>
      </c>
      <c r="C2125" t="s">
        <v>35</v>
      </c>
    </row>
    <row r="2126" spans="1:25" x14ac:dyDescent="0.2">
      <c r="B2126" s="70" t="s">
        <v>249</v>
      </c>
      <c r="C2126" s="71"/>
      <c r="D2126" s="71"/>
      <c r="E2126" s="71"/>
      <c r="F2126" s="71"/>
      <c r="G2126" s="71"/>
      <c r="H2126" s="71"/>
      <c r="I2126" s="71"/>
      <c r="J2126" s="71"/>
      <c r="K2126" s="71"/>
      <c r="L2126" s="71"/>
      <c r="M2126" s="71"/>
      <c r="N2126" s="71"/>
      <c r="O2126" s="71"/>
      <c r="P2126" s="71"/>
      <c r="Q2126" s="71"/>
      <c r="R2126" s="71"/>
      <c r="S2126" s="71"/>
      <c r="T2126" s="71"/>
      <c r="U2126" s="71"/>
      <c r="V2126" s="71"/>
      <c r="W2126" s="71"/>
      <c r="X2126" s="71"/>
      <c r="Y2126" s="71"/>
    </row>
    <row r="2127" spans="1:25" s="32" customFormat="1" ht="101.25" customHeight="1" x14ac:dyDescent="0.15">
      <c r="A2127" s="31"/>
      <c r="D2127" s="33" t="s">
        <v>341</v>
      </c>
      <c r="E2127" s="36" t="s">
        <v>652</v>
      </c>
      <c r="F2127" s="51" t="s">
        <v>653</v>
      </c>
      <c r="G2127" s="51" t="s">
        <v>654</v>
      </c>
      <c r="H2127" s="51" t="s">
        <v>655</v>
      </c>
      <c r="I2127" s="51" t="s">
        <v>656</v>
      </c>
      <c r="J2127" s="51" t="s">
        <v>657</v>
      </c>
      <c r="K2127" s="51" t="s">
        <v>658</v>
      </c>
      <c r="L2127" s="51" t="s">
        <v>659</v>
      </c>
      <c r="M2127" s="51" t="s">
        <v>660</v>
      </c>
      <c r="N2127" s="37" t="s">
        <v>443</v>
      </c>
      <c r="O2127" s="35" t="s">
        <v>344</v>
      </c>
    </row>
    <row r="2128" spans="1:25" x14ac:dyDescent="0.2">
      <c r="B2128" s="5"/>
      <c r="C2128" s="40" t="s">
        <v>38</v>
      </c>
      <c r="D2128" s="41">
        <v>803</v>
      </c>
      <c r="E2128" s="42">
        <v>52.1</v>
      </c>
      <c r="F2128" s="42">
        <v>6.2</v>
      </c>
      <c r="G2128" s="42">
        <v>6.5</v>
      </c>
      <c r="H2128" s="42">
        <v>5.5</v>
      </c>
      <c r="I2128" s="42">
        <v>2.4</v>
      </c>
      <c r="J2128" s="42">
        <v>16.399999999999999</v>
      </c>
      <c r="K2128" s="42">
        <v>9.1999999999999993</v>
      </c>
      <c r="L2128" s="42">
        <v>1.7</v>
      </c>
      <c r="M2128" s="42">
        <v>0</v>
      </c>
      <c r="N2128" s="43">
        <v>0</v>
      </c>
    </row>
    <row r="2129" spans="1:25" x14ac:dyDescent="0.2">
      <c r="B2129" s="72" t="s">
        <v>37</v>
      </c>
      <c r="C2129" s="38" t="s">
        <v>39</v>
      </c>
      <c r="D2129" s="44">
        <v>273</v>
      </c>
      <c r="E2129" s="45">
        <v>44.7</v>
      </c>
      <c r="F2129" s="45">
        <v>6.6</v>
      </c>
      <c r="G2129" s="45">
        <v>7.7</v>
      </c>
      <c r="H2129" s="45">
        <v>4.8</v>
      </c>
      <c r="I2129" s="45">
        <v>1.8</v>
      </c>
      <c r="J2129" s="45">
        <v>26</v>
      </c>
      <c r="K2129" s="45">
        <v>8.1</v>
      </c>
      <c r="L2129" s="45">
        <v>0.4</v>
      </c>
      <c r="M2129" s="45">
        <v>0</v>
      </c>
      <c r="N2129" s="46">
        <v>0</v>
      </c>
    </row>
    <row r="2130" spans="1:25" x14ac:dyDescent="0.2">
      <c r="B2130" s="72"/>
      <c r="C2130" s="38" t="s">
        <v>40</v>
      </c>
      <c r="D2130" s="44">
        <v>118</v>
      </c>
      <c r="E2130" s="45">
        <v>46.6</v>
      </c>
      <c r="F2130" s="45">
        <v>8.5</v>
      </c>
      <c r="G2130" s="45">
        <v>2.5</v>
      </c>
      <c r="H2130" s="45">
        <v>11.9</v>
      </c>
      <c r="I2130" s="45">
        <v>2.5</v>
      </c>
      <c r="J2130" s="45">
        <v>16.899999999999999</v>
      </c>
      <c r="K2130" s="45">
        <v>8.5</v>
      </c>
      <c r="L2130" s="45">
        <v>2.5</v>
      </c>
      <c r="M2130" s="45">
        <v>0</v>
      </c>
      <c r="N2130" s="46">
        <v>0</v>
      </c>
    </row>
    <row r="2131" spans="1:25" x14ac:dyDescent="0.2">
      <c r="B2131" s="72"/>
      <c r="C2131" s="38" t="s">
        <v>41</v>
      </c>
      <c r="D2131" s="44">
        <v>36</v>
      </c>
      <c r="E2131" s="45">
        <v>63.9</v>
      </c>
      <c r="F2131" s="45">
        <v>2.8</v>
      </c>
      <c r="G2131" s="45">
        <v>5.6</v>
      </c>
      <c r="H2131" s="45">
        <v>0</v>
      </c>
      <c r="I2131" s="45">
        <v>0</v>
      </c>
      <c r="J2131" s="45">
        <v>11.1</v>
      </c>
      <c r="K2131" s="45">
        <v>11.1</v>
      </c>
      <c r="L2131" s="45">
        <v>5.6</v>
      </c>
      <c r="M2131" s="45">
        <v>0</v>
      </c>
      <c r="N2131" s="46">
        <v>0</v>
      </c>
    </row>
    <row r="2132" spans="1:25" x14ac:dyDescent="0.2">
      <c r="B2132" s="72"/>
      <c r="C2132" s="38" t="s">
        <v>42</v>
      </c>
      <c r="D2132" s="44">
        <v>51</v>
      </c>
      <c r="E2132" s="45">
        <v>49</v>
      </c>
      <c r="F2132" s="45">
        <v>7.8</v>
      </c>
      <c r="G2132" s="45">
        <v>7.8</v>
      </c>
      <c r="H2132" s="45">
        <v>3.9</v>
      </c>
      <c r="I2132" s="45">
        <v>5.9</v>
      </c>
      <c r="J2132" s="45">
        <v>9.8000000000000007</v>
      </c>
      <c r="K2132" s="45">
        <v>11.8</v>
      </c>
      <c r="L2132" s="45">
        <v>3.9</v>
      </c>
      <c r="M2132" s="45">
        <v>0</v>
      </c>
      <c r="N2132" s="46">
        <v>0</v>
      </c>
    </row>
    <row r="2133" spans="1:25" x14ac:dyDescent="0.2">
      <c r="B2133" s="72"/>
      <c r="C2133" s="38" t="s">
        <v>43</v>
      </c>
      <c r="D2133" s="44">
        <v>39</v>
      </c>
      <c r="E2133" s="45">
        <v>74.400000000000006</v>
      </c>
      <c r="F2133" s="45">
        <v>0</v>
      </c>
      <c r="G2133" s="45">
        <v>10.3</v>
      </c>
      <c r="H2133" s="45">
        <v>5.0999999999999996</v>
      </c>
      <c r="I2133" s="45">
        <v>0</v>
      </c>
      <c r="J2133" s="45">
        <v>10.3</v>
      </c>
      <c r="K2133" s="45">
        <v>0</v>
      </c>
      <c r="L2133" s="45">
        <v>0</v>
      </c>
      <c r="M2133" s="45">
        <v>0</v>
      </c>
      <c r="N2133" s="46">
        <v>0</v>
      </c>
    </row>
    <row r="2134" spans="1:25" x14ac:dyDescent="0.2">
      <c r="B2134" s="72"/>
      <c r="C2134" s="38" t="s">
        <v>44</v>
      </c>
      <c r="D2134" s="44">
        <v>145</v>
      </c>
      <c r="E2134" s="45">
        <v>59.3</v>
      </c>
      <c r="F2134" s="45">
        <v>6.2</v>
      </c>
      <c r="G2134" s="45">
        <v>6.9</v>
      </c>
      <c r="H2134" s="45">
        <v>4.0999999999999996</v>
      </c>
      <c r="I2134" s="45">
        <v>4.0999999999999996</v>
      </c>
      <c r="J2134" s="45">
        <v>6.9</v>
      </c>
      <c r="K2134" s="45">
        <v>9.6999999999999993</v>
      </c>
      <c r="L2134" s="45">
        <v>2.8</v>
      </c>
      <c r="M2134" s="45">
        <v>0</v>
      </c>
      <c r="N2134" s="46">
        <v>0</v>
      </c>
    </row>
    <row r="2135" spans="1:25" x14ac:dyDescent="0.2">
      <c r="B2135" s="72"/>
      <c r="C2135" s="38" t="s">
        <v>45</v>
      </c>
      <c r="D2135" s="44">
        <v>36</v>
      </c>
      <c r="E2135" s="45">
        <v>55.6</v>
      </c>
      <c r="F2135" s="45">
        <v>5.6</v>
      </c>
      <c r="G2135" s="45">
        <v>8.3000000000000007</v>
      </c>
      <c r="H2135" s="45">
        <v>5.6</v>
      </c>
      <c r="I2135" s="45">
        <v>2.8</v>
      </c>
      <c r="J2135" s="45">
        <v>8.3000000000000007</v>
      </c>
      <c r="K2135" s="45">
        <v>11.1</v>
      </c>
      <c r="L2135" s="45">
        <v>2.8</v>
      </c>
      <c r="M2135" s="45">
        <v>0</v>
      </c>
      <c r="N2135" s="46">
        <v>0</v>
      </c>
    </row>
    <row r="2136" spans="1:25" x14ac:dyDescent="0.2">
      <c r="B2136" s="72"/>
      <c r="C2136" s="38" t="s">
        <v>46</v>
      </c>
      <c r="D2136" s="44">
        <v>19</v>
      </c>
      <c r="E2136" s="45">
        <v>52.6</v>
      </c>
      <c r="F2136" s="45">
        <v>0</v>
      </c>
      <c r="G2136" s="45">
        <v>10.5</v>
      </c>
      <c r="H2136" s="45">
        <v>5.3</v>
      </c>
      <c r="I2136" s="45">
        <v>0</v>
      </c>
      <c r="J2136" s="45">
        <v>26.3</v>
      </c>
      <c r="K2136" s="45">
        <v>5.3</v>
      </c>
      <c r="L2136" s="45">
        <v>0</v>
      </c>
      <c r="M2136" s="45">
        <v>0</v>
      </c>
      <c r="N2136" s="46">
        <v>0</v>
      </c>
    </row>
    <row r="2137" spans="1:25" x14ac:dyDescent="0.2">
      <c r="B2137" s="72"/>
      <c r="C2137" s="38" t="s">
        <v>47</v>
      </c>
      <c r="D2137" s="44">
        <v>86</v>
      </c>
      <c r="E2137" s="45">
        <v>55.8</v>
      </c>
      <c r="F2137" s="45">
        <v>7</v>
      </c>
      <c r="G2137" s="45">
        <v>3.5</v>
      </c>
      <c r="H2137" s="45">
        <v>4.7</v>
      </c>
      <c r="I2137" s="45">
        <v>1.2</v>
      </c>
      <c r="J2137" s="45">
        <v>11.6</v>
      </c>
      <c r="K2137" s="45">
        <v>15.1</v>
      </c>
      <c r="L2137" s="45">
        <v>1.2</v>
      </c>
      <c r="M2137" s="45">
        <v>0</v>
      </c>
      <c r="N2137" s="46">
        <v>0</v>
      </c>
    </row>
    <row r="2138" spans="1:25" ht="21.6" x14ac:dyDescent="0.2">
      <c r="B2138" s="72"/>
      <c r="C2138" s="39" t="s">
        <v>48</v>
      </c>
      <c r="D2138" s="47">
        <v>412</v>
      </c>
      <c r="E2138" s="48">
        <v>58.5</v>
      </c>
      <c r="F2138" s="48">
        <v>5.3</v>
      </c>
      <c r="G2138" s="48">
        <v>6.8</v>
      </c>
      <c r="H2138" s="48">
        <v>4.0999999999999996</v>
      </c>
      <c r="I2138" s="48">
        <v>2.7</v>
      </c>
      <c r="J2138" s="48">
        <v>10</v>
      </c>
      <c r="K2138" s="48">
        <v>10.199999999999999</v>
      </c>
      <c r="L2138" s="48">
        <v>2.4</v>
      </c>
      <c r="M2138" s="48">
        <v>0</v>
      </c>
      <c r="N2138" s="49">
        <v>0</v>
      </c>
    </row>
    <row r="2140" spans="1:25" x14ac:dyDescent="0.2">
      <c r="A2140" s="26" t="s">
        <v>25</v>
      </c>
      <c r="B2140" t="s">
        <v>35</v>
      </c>
      <c r="C2140" t="s">
        <v>35</v>
      </c>
    </row>
    <row r="2141" spans="1:25" x14ac:dyDescent="0.2">
      <c r="B2141" s="70" t="s">
        <v>250</v>
      </c>
      <c r="C2141" s="71"/>
      <c r="D2141" s="71"/>
      <c r="E2141" s="71"/>
      <c r="F2141" s="71"/>
      <c r="G2141" s="71"/>
      <c r="H2141" s="71"/>
      <c r="I2141" s="71"/>
      <c r="J2141" s="71"/>
      <c r="K2141" s="71"/>
      <c r="L2141" s="71"/>
      <c r="M2141" s="71"/>
      <c r="N2141" s="71"/>
      <c r="O2141" s="71"/>
      <c r="P2141" s="71"/>
      <c r="Q2141" s="71"/>
      <c r="R2141" s="71"/>
      <c r="S2141" s="71"/>
      <c r="T2141" s="71"/>
      <c r="U2141" s="71"/>
      <c r="V2141" s="71"/>
      <c r="W2141" s="71"/>
      <c r="X2141" s="71"/>
      <c r="Y2141" s="71"/>
    </row>
    <row r="2142" spans="1:25" s="32" customFormat="1" ht="36.450000000000003" customHeight="1" x14ac:dyDescent="0.15">
      <c r="A2142" s="31"/>
      <c r="D2142" s="33" t="s">
        <v>341</v>
      </c>
      <c r="E2142" s="36" t="s">
        <v>661</v>
      </c>
      <c r="F2142" s="51" t="s">
        <v>662</v>
      </c>
      <c r="G2142" s="51" t="s">
        <v>488</v>
      </c>
      <c r="H2142" s="51" t="s">
        <v>663</v>
      </c>
      <c r="I2142" s="51" t="s">
        <v>664</v>
      </c>
      <c r="J2142" s="37" t="s">
        <v>443</v>
      </c>
      <c r="K2142" s="35" t="s">
        <v>344</v>
      </c>
    </row>
    <row r="2143" spans="1:25" x14ac:dyDescent="0.2">
      <c r="B2143" s="5"/>
      <c r="C2143" s="40" t="s">
        <v>38</v>
      </c>
      <c r="D2143" s="41">
        <v>4307</v>
      </c>
      <c r="E2143" s="42">
        <v>1.8</v>
      </c>
      <c r="F2143" s="42">
        <v>13.4</v>
      </c>
      <c r="G2143" s="42">
        <v>57.7</v>
      </c>
      <c r="H2143" s="42">
        <v>6</v>
      </c>
      <c r="I2143" s="42">
        <v>3.1</v>
      </c>
      <c r="J2143" s="43">
        <v>18</v>
      </c>
    </row>
    <row r="2144" spans="1:25" x14ac:dyDescent="0.2">
      <c r="B2144" s="72" t="s">
        <v>37</v>
      </c>
      <c r="C2144" s="38" t="s">
        <v>39</v>
      </c>
      <c r="D2144" s="44">
        <v>1325</v>
      </c>
      <c r="E2144" s="45">
        <v>1.9</v>
      </c>
      <c r="F2144" s="45">
        <v>14.1</v>
      </c>
      <c r="G2144" s="45">
        <v>57.8</v>
      </c>
      <c r="H2144" s="45">
        <v>5.6</v>
      </c>
      <c r="I2144" s="45">
        <v>3.2</v>
      </c>
      <c r="J2144" s="46">
        <v>17.399999999999999</v>
      </c>
    </row>
    <row r="2145" spans="1:25" x14ac:dyDescent="0.2">
      <c r="B2145" s="72"/>
      <c r="C2145" s="38" t="s">
        <v>40</v>
      </c>
      <c r="D2145" s="44">
        <v>675</v>
      </c>
      <c r="E2145" s="45">
        <v>2.2000000000000002</v>
      </c>
      <c r="F2145" s="45">
        <v>12.3</v>
      </c>
      <c r="G2145" s="45">
        <v>57</v>
      </c>
      <c r="H2145" s="45">
        <v>6.5</v>
      </c>
      <c r="I2145" s="45">
        <v>3.7</v>
      </c>
      <c r="J2145" s="46">
        <v>18.2</v>
      </c>
    </row>
    <row r="2146" spans="1:25" x14ac:dyDescent="0.2">
      <c r="B2146" s="72"/>
      <c r="C2146" s="38" t="s">
        <v>41</v>
      </c>
      <c r="D2146" s="44">
        <v>168</v>
      </c>
      <c r="E2146" s="45">
        <v>0.6</v>
      </c>
      <c r="F2146" s="45">
        <v>7.7</v>
      </c>
      <c r="G2146" s="45">
        <v>66.7</v>
      </c>
      <c r="H2146" s="45">
        <v>4.8</v>
      </c>
      <c r="I2146" s="45">
        <v>2.4</v>
      </c>
      <c r="J2146" s="46">
        <v>17.899999999999999</v>
      </c>
    </row>
    <row r="2147" spans="1:25" x14ac:dyDescent="0.2">
      <c r="B2147" s="72"/>
      <c r="C2147" s="38" t="s">
        <v>42</v>
      </c>
      <c r="D2147" s="44">
        <v>290</v>
      </c>
      <c r="E2147" s="45">
        <v>1</v>
      </c>
      <c r="F2147" s="45">
        <v>13.1</v>
      </c>
      <c r="G2147" s="45">
        <v>61.4</v>
      </c>
      <c r="H2147" s="45">
        <v>5.2</v>
      </c>
      <c r="I2147" s="45">
        <v>2.8</v>
      </c>
      <c r="J2147" s="46">
        <v>16.600000000000001</v>
      </c>
    </row>
    <row r="2148" spans="1:25" x14ac:dyDescent="0.2">
      <c r="B2148" s="72"/>
      <c r="C2148" s="38" t="s">
        <v>43</v>
      </c>
      <c r="D2148" s="44">
        <v>231</v>
      </c>
      <c r="E2148" s="45">
        <v>0.9</v>
      </c>
      <c r="F2148" s="45">
        <v>13.4</v>
      </c>
      <c r="G2148" s="45">
        <v>55.8</v>
      </c>
      <c r="H2148" s="45">
        <v>8.1999999999999993</v>
      </c>
      <c r="I2148" s="45">
        <v>3.9</v>
      </c>
      <c r="J2148" s="46">
        <v>17.7</v>
      </c>
    </row>
    <row r="2149" spans="1:25" x14ac:dyDescent="0.2">
      <c r="B2149" s="72"/>
      <c r="C2149" s="38" t="s">
        <v>44</v>
      </c>
      <c r="D2149" s="44">
        <v>800</v>
      </c>
      <c r="E2149" s="45">
        <v>2.4</v>
      </c>
      <c r="F2149" s="45">
        <v>12.5</v>
      </c>
      <c r="G2149" s="45">
        <v>57.8</v>
      </c>
      <c r="H2149" s="45">
        <v>5.5</v>
      </c>
      <c r="I2149" s="45">
        <v>2.9</v>
      </c>
      <c r="J2149" s="46">
        <v>19</v>
      </c>
    </row>
    <row r="2150" spans="1:25" x14ac:dyDescent="0.2">
      <c r="B2150" s="72"/>
      <c r="C2150" s="38" t="s">
        <v>45</v>
      </c>
      <c r="D2150" s="44">
        <v>240</v>
      </c>
      <c r="E2150" s="45">
        <v>1.3</v>
      </c>
      <c r="F2150" s="45">
        <v>18.8</v>
      </c>
      <c r="G2150" s="45">
        <v>50.8</v>
      </c>
      <c r="H2150" s="45">
        <v>7.5</v>
      </c>
      <c r="I2150" s="45">
        <v>4.2</v>
      </c>
      <c r="J2150" s="46">
        <v>17.5</v>
      </c>
    </row>
    <row r="2151" spans="1:25" x14ac:dyDescent="0.2">
      <c r="B2151" s="72"/>
      <c r="C2151" s="38" t="s">
        <v>46</v>
      </c>
      <c r="D2151" s="44">
        <v>117</v>
      </c>
      <c r="E2151" s="45">
        <v>0.9</v>
      </c>
      <c r="F2151" s="45">
        <v>15.4</v>
      </c>
      <c r="G2151" s="45">
        <v>62.4</v>
      </c>
      <c r="H2151" s="45">
        <v>4.3</v>
      </c>
      <c r="I2151" s="45">
        <v>1.7</v>
      </c>
      <c r="J2151" s="46">
        <v>15.4</v>
      </c>
    </row>
    <row r="2152" spans="1:25" x14ac:dyDescent="0.2">
      <c r="B2152" s="72"/>
      <c r="C2152" s="38" t="s">
        <v>47</v>
      </c>
      <c r="D2152" s="44">
        <v>461</v>
      </c>
      <c r="E2152" s="45">
        <v>1.7</v>
      </c>
      <c r="F2152" s="45">
        <v>13</v>
      </c>
      <c r="G2152" s="45">
        <v>55.5</v>
      </c>
      <c r="H2152" s="45">
        <v>7.2</v>
      </c>
      <c r="I2152" s="45">
        <v>2.4</v>
      </c>
      <c r="J2152" s="46">
        <v>20.2</v>
      </c>
    </row>
    <row r="2153" spans="1:25" ht="21.6" x14ac:dyDescent="0.2">
      <c r="B2153" s="72"/>
      <c r="C2153" s="39" t="s">
        <v>48</v>
      </c>
      <c r="D2153" s="47">
        <v>2307</v>
      </c>
      <c r="E2153" s="48">
        <v>1.6</v>
      </c>
      <c r="F2153" s="48">
        <v>13.2</v>
      </c>
      <c r="G2153" s="48">
        <v>57.7</v>
      </c>
      <c r="H2153" s="48">
        <v>6.2</v>
      </c>
      <c r="I2153" s="48">
        <v>2.9</v>
      </c>
      <c r="J2153" s="49">
        <v>18.399999999999999</v>
      </c>
    </row>
    <row r="2154" spans="1:25" x14ac:dyDescent="0.2">
      <c r="B2154" s="7" t="s">
        <v>49</v>
      </c>
      <c r="C2154" s="4" t="s">
        <v>251</v>
      </c>
    </row>
    <row r="2155" spans="1:25" x14ac:dyDescent="0.2">
      <c r="B2155" s="4"/>
      <c r="C2155" s="4" t="s">
        <v>51</v>
      </c>
    </row>
    <row r="2157" spans="1:25" x14ac:dyDescent="0.2">
      <c r="A2157" s="26" t="s">
        <v>25</v>
      </c>
      <c r="B2157" t="s">
        <v>35</v>
      </c>
      <c r="C2157" t="s">
        <v>35</v>
      </c>
    </row>
    <row r="2158" spans="1:25" x14ac:dyDescent="0.2">
      <c r="B2158" s="70" t="s">
        <v>252</v>
      </c>
      <c r="C2158" s="71"/>
      <c r="D2158" s="71"/>
      <c r="E2158" s="71"/>
      <c r="F2158" s="71"/>
      <c r="G2158" s="71"/>
      <c r="H2158" s="71"/>
      <c r="I2158" s="71"/>
      <c r="J2158" s="71"/>
      <c r="K2158" s="71"/>
      <c r="L2158" s="71"/>
      <c r="M2158" s="71"/>
      <c r="N2158" s="71"/>
      <c r="O2158" s="71"/>
      <c r="P2158" s="71"/>
      <c r="Q2158" s="71"/>
      <c r="R2158" s="71"/>
      <c r="S2158" s="71"/>
      <c r="T2158" s="71"/>
      <c r="U2158" s="71"/>
      <c r="V2158" s="71"/>
      <c r="W2158" s="71"/>
      <c r="X2158" s="71"/>
      <c r="Y2158" s="71"/>
    </row>
    <row r="2159" spans="1:25" s="32" customFormat="1" ht="36.450000000000003" customHeight="1" x14ac:dyDescent="0.15">
      <c r="A2159" s="31"/>
      <c r="D2159" s="33" t="s">
        <v>341</v>
      </c>
      <c r="E2159" s="36" t="s">
        <v>661</v>
      </c>
      <c r="F2159" s="51" t="s">
        <v>662</v>
      </c>
      <c r="G2159" s="51" t="s">
        <v>488</v>
      </c>
      <c r="H2159" s="51" t="s">
        <v>663</v>
      </c>
      <c r="I2159" s="51" t="s">
        <v>664</v>
      </c>
      <c r="J2159" s="37" t="s">
        <v>443</v>
      </c>
      <c r="K2159" s="35" t="s">
        <v>344</v>
      </c>
    </row>
    <row r="2160" spans="1:25" x14ac:dyDescent="0.2">
      <c r="B2160" s="5"/>
      <c r="C2160" s="40" t="s">
        <v>38</v>
      </c>
      <c r="D2160" s="41">
        <v>4307</v>
      </c>
      <c r="E2160" s="42">
        <v>2</v>
      </c>
      <c r="F2160" s="42">
        <v>9.8000000000000007</v>
      </c>
      <c r="G2160" s="42">
        <v>60.1</v>
      </c>
      <c r="H2160" s="42">
        <v>9.1999999999999993</v>
      </c>
      <c r="I2160" s="42">
        <v>5.3</v>
      </c>
      <c r="J2160" s="43">
        <v>13.6</v>
      </c>
    </row>
    <row r="2161" spans="1:25" x14ac:dyDescent="0.2">
      <c r="B2161" s="72" t="s">
        <v>37</v>
      </c>
      <c r="C2161" s="38" t="s">
        <v>39</v>
      </c>
      <c r="D2161" s="44">
        <v>1325</v>
      </c>
      <c r="E2161" s="45">
        <v>2.4</v>
      </c>
      <c r="F2161" s="45">
        <v>11.2</v>
      </c>
      <c r="G2161" s="45">
        <v>58</v>
      </c>
      <c r="H2161" s="45">
        <v>9.6999999999999993</v>
      </c>
      <c r="I2161" s="45">
        <v>5</v>
      </c>
      <c r="J2161" s="46">
        <v>13.7</v>
      </c>
    </row>
    <row r="2162" spans="1:25" x14ac:dyDescent="0.2">
      <c r="B2162" s="72"/>
      <c r="C2162" s="38" t="s">
        <v>40</v>
      </c>
      <c r="D2162" s="44">
        <v>675</v>
      </c>
      <c r="E2162" s="45">
        <v>1.9</v>
      </c>
      <c r="F2162" s="45">
        <v>9.8000000000000007</v>
      </c>
      <c r="G2162" s="45">
        <v>61.2</v>
      </c>
      <c r="H2162" s="45">
        <v>7</v>
      </c>
      <c r="I2162" s="45">
        <v>5.3</v>
      </c>
      <c r="J2162" s="46">
        <v>14.8</v>
      </c>
    </row>
    <row r="2163" spans="1:25" x14ac:dyDescent="0.2">
      <c r="B2163" s="72"/>
      <c r="C2163" s="38" t="s">
        <v>41</v>
      </c>
      <c r="D2163" s="44">
        <v>168</v>
      </c>
      <c r="E2163" s="45">
        <v>1.8</v>
      </c>
      <c r="F2163" s="45">
        <v>7.7</v>
      </c>
      <c r="G2163" s="45">
        <v>67.3</v>
      </c>
      <c r="H2163" s="45">
        <v>5.4</v>
      </c>
      <c r="I2163" s="45">
        <v>3</v>
      </c>
      <c r="J2163" s="46">
        <v>14.9</v>
      </c>
    </row>
    <row r="2164" spans="1:25" x14ac:dyDescent="0.2">
      <c r="B2164" s="72"/>
      <c r="C2164" s="38" t="s">
        <v>42</v>
      </c>
      <c r="D2164" s="44">
        <v>290</v>
      </c>
      <c r="E2164" s="45">
        <v>1.4</v>
      </c>
      <c r="F2164" s="45">
        <v>10</v>
      </c>
      <c r="G2164" s="45">
        <v>65.2</v>
      </c>
      <c r="H2164" s="45">
        <v>8.3000000000000007</v>
      </c>
      <c r="I2164" s="45">
        <v>4.0999999999999996</v>
      </c>
      <c r="J2164" s="46">
        <v>11</v>
      </c>
    </row>
    <row r="2165" spans="1:25" x14ac:dyDescent="0.2">
      <c r="B2165" s="72"/>
      <c r="C2165" s="38" t="s">
        <v>43</v>
      </c>
      <c r="D2165" s="44">
        <v>231</v>
      </c>
      <c r="E2165" s="45">
        <v>1.7</v>
      </c>
      <c r="F2165" s="45">
        <v>8.6999999999999993</v>
      </c>
      <c r="G2165" s="45">
        <v>58</v>
      </c>
      <c r="H2165" s="45">
        <v>11.3</v>
      </c>
      <c r="I2165" s="45">
        <v>8.1999999999999993</v>
      </c>
      <c r="J2165" s="46">
        <v>12.1</v>
      </c>
    </row>
    <row r="2166" spans="1:25" x14ac:dyDescent="0.2">
      <c r="B2166" s="72"/>
      <c r="C2166" s="38" t="s">
        <v>44</v>
      </c>
      <c r="D2166" s="44">
        <v>800</v>
      </c>
      <c r="E2166" s="45">
        <v>1.3</v>
      </c>
      <c r="F2166" s="45">
        <v>8.4</v>
      </c>
      <c r="G2166" s="45">
        <v>61.1</v>
      </c>
      <c r="H2166" s="45">
        <v>9.9</v>
      </c>
      <c r="I2166" s="45">
        <v>5.5</v>
      </c>
      <c r="J2166" s="46">
        <v>13.9</v>
      </c>
    </row>
    <row r="2167" spans="1:25" x14ac:dyDescent="0.2">
      <c r="B2167" s="72"/>
      <c r="C2167" s="38" t="s">
        <v>45</v>
      </c>
      <c r="D2167" s="44">
        <v>240</v>
      </c>
      <c r="E2167" s="45">
        <v>2.9</v>
      </c>
      <c r="F2167" s="45">
        <v>10.4</v>
      </c>
      <c r="G2167" s="45">
        <v>56.3</v>
      </c>
      <c r="H2167" s="45">
        <v>10.8</v>
      </c>
      <c r="I2167" s="45">
        <v>6.3</v>
      </c>
      <c r="J2167" s="46">
        <v>13.3</v>
      </c>
    </row>
    <row r="2168" spans="1:25" x14ac:dyDescent="0.2">
      <c r="B2168" s="72"/>
      <c r="C2168" s="38" t="s">
        <v>46</v>
      </c>
      <c r="D2168" s="44">
        <v>117</v>
      </c>
      <c r="E2168" s="45">
        <v>2.6</v>
      </c>
      <c r="F2168" s="45">
        <v>10.3</v>
      </c>
      <c r="G2168" s="45">
        <v>65</v>
      </c>
      <c r="H2168" s="45">
        <v>8.5</v>
      </c>
      <c r="I2168" s="45">
        <v>2.6</v>
      </c>
      <c r="J2168" s="46">
        <v>11.1</v>
      </c>
    </row>
    <row r="2169" spans="1:25" x14ac:dyDescent="0.2">
      <c r="B2169" s="72"/>
      <c r="C2169" s="38" t="s">
        <v>47</v>
      </c>
      <c r="D2169" s="44">
        <v>461</v>
      </c>
      <c r="E2169" s="45">
        <v>2</v>
      </c>
      <c r="F2169" s="45">
        <v>9.3000000000000007</v>
      </c>
      <c r="G2169" s="45">
        <v>59</v>
      </c>
      <c r="H2169" s="45">
        <v>10</v>
      </c>
      <c r="I2169" s="45">
        <v>5.9</v>
      </c>
      <c r="J2169" s="46">
        <v>13.9</v>
      </c>
    </row>
    <row r="2170" spans="1:25" ht="21.6" x14ac:dyDescent="0.2">
      <c r="B2170" s="72"/>
      <c r="C2170" s="39" t="s">
        <v>48</v>
      </c>
      <c r="D2170" s="47">
        <v>2307</v>
      </c>
      <c r="E2170" s="48">
        <v>1.7</v>
      </c>
      <c r="F2170" s="48">
        <v>9.1</v>
      </c>
      <c r="G2170" s="48">
        <v>61</v>
      </c>
      <c r="H2170" s="48">
        <v>9.5</v>
      </c>
      <c r="I2170" s="48">
        <v>5.4</v>
      </c>
      <c r="J2170" s="49">
        <v>13.2</v>
      </c>
    </row>
    <row r="2171" spans="1:25" x14ac:dyDescent="0.2">
      <c r="B2171" s="7" t="s">
        <v>49</v>
      </c>
      <c r="C2171" s="4" t="s">
        <v>253</v>
      </c>
    </row>
    <row r="2172" spans="1:25" x14ac:dyDescent="0.2">
      <c r="B2172" s="4"/>
      <c r="C2172" s="4" t="s">
        <v>51</v>
      </c>
    </row>
    <row r="2174" spans="1:25" x14ac:dyDescent="0.2">
      <c r="A2174" s="26" t="s">
        <v>25</v>
      </c>
      <c r="B2174" t="s">
        <v>35</v>
      </c>
      <c r="C2174" t="s">
        <v>35</v>
      </c>
    </row>
    <row r="2175" spans="1:25" x14ac:dyDescent="0.2">
      <c r="B2175" s="70" t="s">
        <v>254</v>
      </c>
      <c r="C2175" s="71"/>
      <c r="D2175" s="71"/>
      <c r="E2175" s="71"/>
      <c r="F2175" s="71"/>
      <c r="G2175" s="71"/>
      <c r="H2175" s="71"/>
      <c r="I2175" s="71"/>
      <c r="J2175" s="71"/>
      <c r="K2175" s="71"/>
      <c r="L2175" s="71"/>
      <c r="M2175" s="71"/>
      <c r="N2175" s="71"/>
      <c r="O2175" s="71"/>
      <c r="P2175" s="71"/>
      <c r="Q2175" s="71"/>
      <c r="R2175" s="71"/>
      <c r="S2175" s="71"/>
      <c r="T2175" s="71"/>
      <c r="U2175" s="71"/>
      <c r="V2175" s="71"/>
      <c r="W2175" s="71"/>
      <c r="X2175" s="71"/>
      <c r="Y2175" s="71"/>
    </row>
    <row r="2176" spans="1:25" s="32" customFormat="1" ht="36.450000000000003" customHeight="1" x14ac:dyDescent="0.15">
      <c r="A2176" s="31"/>
      <c r="D2176" s="33" t="s">
        <v>341</v>
      </c>
      <c r="E2176" s="36" t="s">
        <v>661</v>
      </c>
      <c r="F2176" s="51" t="s">
        <v>662</v>
      </c>
      <c r="G2176" s="51" t="s">
        <v>488</v>
      </c>
      <c r="H2176" s="51" t="s">
        <v>663</v>
      </c>
      <c r="I2176" s="51" t="s">
        <v>664</v>
      </c>
      <c r="J2176" s="37" t="s">
        <v>443</v>
      </c>
      <c r="K2176" s="35" t="s">
        <v>344</v>
      </c>
    </row>
    <row r="2177" spans="1:25" x14ac:dyDescent="0.2">
      <c r="B2177" s="5"/>
      <c r="C2177" s="40" t="s">
        <v>38</v>
      </c>
      <c r="D2177" s="41">
        <v>4307</v>
      </c>
      <c r="E2177" s="42">
        <v>2.2000000000000002</v>
      </c>
      <c r="F2177" s="42">
        <v>11</v>
      </c>
      <c r="G2177" s="42">
        <v>58.9</v>
      </c>
      <c r="H2177" s="42">
        <v>9.6999999999999993</v>
      </c>
      <c r="I2177" s="42">
        <v>5</v>
      </c>
      <c r="J2177" s="43">
        <v>13.2</v>
      </c>
    </row>
    <row r="2178" spans="1:25" x14ac:dyDescent="0.2">
      <c r="B2178" s="72" t="s">
        <v>37</v>
      </c>
      <c r="C2178" s="38" t="s">
        <v>39</v>
      </c>
      <c r="D2178" s="44">
        <v>1325</v>
      </c>
      <c r="E2178" s="45">
        <v>2.7</v>
      </c>
      <c r="F2178" s="45">
        <v>12.1</v>
      </c>
      <c r="G2178" s="45">
        <v>57.7</v>
      </c>
      <c r="H2178" s="45">
        <v>9.4</v>
      </c>
      <c r="I2178" s="45">
        <v>4.5999999999999996</v>
      </c>
      <c r="J2178" s="46">
        <v>13.5</v>
      </c>
    </row>
    <row r="2179" spans="1:25" x14ac:dyDescent="0.2">
      <c r="B2179" s="72"/>
      <c r="C2179" s="38" t="s">
        <v>40</v>
      </c>
      <c r="D2179" s="44">
        <v>675</v>
      </c>
      <c r="E2179" s="45">
        <v>2.2000000000000002</v>
      </c>
      <c r="F2179" s="45">
        <v>12</v>
      </c>
      <c r="G2179" s="45">
        <v>59.1</v>
      </c>
      <c r="H2179" s="45">
        <v>8.1</v>
      </c>
      <c r="I2179" s="45">
        <v>4.4000000000000004</v>
      </c>
      <c r="J2179" s="46">
        <v>14.1</v>
      </c>
    </row>
    <row r="2180" spans="1:25" x14ac:dyDescent="0.2">
      <c r="B2180" s="72"/>
      <c r="C2180" s="38" t="s">
        <v>41</v>
      </c>
      <c r="D2180" s="44">
        <v>168</v>
      </c>
      <c r="E2180" s="45">
        <v>0.6</v>
      </c>
      <c r="F2180" s="45">
        <v>7.7</v>
      </c>
      <c r="G2180" s="45">
        <v>67.3</v>
      </c>
      <c r="H2180" s="45">
        <v>8.3000000000000007</v>
      </c>
      <c r="I2180" s="45">
        <v>1.2</v>
      </c>
      <c r="J2180" s="46">
        <v>14.9</v>
      </c>
    </row>
    <row r="2181" spans="1:25" x14ac:dyDescent="0.2">
      <c r="B2181" s="72"/>
      <c r="C2181" s="38" t="s">
        <v>42</v>
      </c>
      <c r="D2181" s="44">
        <v>290</v>
      </c>
      <c r="E2181" s="45">
        <v>1.4</v>
      </c>
      <c r="F2181" s="45">
        <v>11</v>
      </c>
      <c r="G2181" s="45">
        <v>62.8</v>
      </c>
      <c r="H2181" s="45">
        <v>9.6999999999999993</v>
      </c>
      <c r="I2181" s="45">
        <v>4.0999999999999996</v>
      </c>
      <c r="J2181" s="46">
        <v>11</v>
      </c>
    </row>
    <row r="2182" spans="1:25" x14ac:dyDescent="0.2">
      <c r="B2182" s="72"/>
      <c r="C2182" s="38" t="s">
        <v>43</v>
      </c>
      <c r="D2182" s="44">
        <v>231</v>
      </c>
      <c r="E2182" s="45">
        <v>2.6</v>
      </c>
      <c r="F2182" s="45">
        <v>10.4</v>
      </c>
      <c r="G2182" s="45">
        <v>57.1</v>
      </c>
      <c r="H2182" s="45">
        <v>10</v>
      </c>
      <c r="I2182" s="45">
        <v>8.6999999999999993</v>
      </c>
      <c r="J2182" s="46">
        <v>11.3</v>
      </c>
    </row>
    <row r="2183" spans="1:25" x14ac:dyDescent="0.2">
      <c r="B2183" s="72"/>
      <c r="C2183" s="38" t="s">
        <v>44</v>
      </c>
      <c r="D2183" s="44">
        <v>800</v>
      </c>
      <c r="E2183" s="45">
        <v>1</v>
      </c>
      <c r="F2183" s="45">
        <v>9.4</v>
      </c>
      <c r="G2183" s="45">
        <v>61</v>
      </c>
      <c r="H2183" s="45">
        <v>9.8000000000000007</v>
      </c>
      <c r="I2183" s="45">
        <v>5.6</v>
      </c>
      <c r="J2183" s="46">
        <v>13.3</v>
      </c>
    </row>
    <row r="2184" spans="1:25" x14ac:dyDescent="0.2">
      <c r="B2184" s="72"/>
      <c r="C2184" s="38" t="s">
        <v>45</v>
      </c>
      <c r="D2184" s="44">
        <v>240</v>
      </c>
      <c r="E2184" s="45">
        <v>2.9</v>
      </c>
      <c r="F2184" s="45">
        <v>9.6</v>
      </c>
      <c r="G2184" s="45">
        <v>55.4</v>
      </c>
      <c r="H2184" s="45">
        <v>10.8</v>
      </c>
      <c r="I2184" s="45">
        <v>7.9</v>
      </c>
      <c r="J2184" s="46">
        <v>13.3</v>
      </c>
    </row>
    <row r="2185" spans="1:25" x14ac:dyDescent="0.2">
      <c r="B2185" s="72"/>
      <c r="C2185" s="38" t="s">
        <v>46</v>
      </c>
      <c r="D2185" s="44">
        <v>117</v>
      </c>
      <c r="E2185" s="45">
        <v>2.6</v>
      </c>
      <c r="F2185" s="45">
        <v>10.3</v>
      </c>
      <c r="G2185" s="45">
        <v>64.099999999999994</v>
      </c>
      <c r="H2185" s="45">
        <v>9.4</v>
      </c>
      <c r="I2185" s="45">
        <v>3.4</v>
      </c>
      <c r="J2185" s="46">
        <v>10.3</v>
      </c>
    </row>
    <row r="2186" spans="1:25" x14ac:dyDescent="0.2">
      <c r="B2186" s="72"/>
      <c r="C2186" s="38" t="s">
        <v>47</v>
      </c>
      <c r="D2186" s="44">
        <v>461</v>
      </c>
      <c r="E2186" s="45">
        <v>3</v>
      </c>
      <c r="F2186" s="45">
        <v>11.9</v>
      </c>
      <c r="G2186" s="45">
        <v>54.4</v>
      </c>
      <c r="H2186" s="45">
        <v>12.6</v>
      </c>
      <c r="I2186" s="45">
        <v>4.8</v>
      </c>
      <c r="J2186" s="46">
        <v>13.2</v>
      </c>
    </row>
    <row r="2187" spans="1:25" ht="21.6" x14ac:dyDescent="0.2">
      <c r="B2187" s="72"/>
      <c r="C2187" s="39" t="s">
        <v>48</v>
      </c>
      <c r="D2187" s="47">
        <v>2307</v>
      </c>
      <c r="E2187" s="48">
        <v>1.9</v>
      </c>
      <c r="F2187" s="48">
        <v>10.1</v>
      </c>
      <c r="G2187" s="48">
        <v>59.6</v>
      </c>
      <c r="H2187" s="48">
        <v>10.3</v>
      </c>
      <c r="I2187" s="48">
        <v>5.4</v>
      </c>
      <c r="J2187" s="49">
        <v>12.7</v>
      </c>
    </row>
    <row r="2188" spans="1:25" x14ac:dyDescent="0.2">
      <c r="B2188" s="7" t="s">
        <v>49</v>
      </c>
      <c r="C2188" s="4" t="s">
        <v>255</v>
      </c>
    </row>
    <row r="2189" spans="1:25" x14ac:dyDescent="0.2">
      <c r="B2189" s="4"/>
      <c r="C2189" s="4" t="s">
        <v>51</v>
      </c>
    </row>
    <row r="2191" spans="1:25" x14ac:dyDescent="0.2">
      <c r="A2191" s="26" t="s">
        <v>25</v>
      </c>
      <c r="B2191" t="s">
        <v>35</v>
      </c>
      <c r="C2191" t="s">
        <v>35</v>
      </c>
    </row>
    <row r="2192" spans="1:25" x14ac:dyDescent="0.2">
      <c r="B2192" s="70" t="s">
        <v>256</v>
      </c>
      <c r="C2192" s="71"/>
      <c r="D2192" s="71"/>
      <c r="E2192" s="71"/>
      <c r="F2192" s="71"/>
      <c r="G2192" s="71"/>
      <c r="H2192" s="71"/>
      <c r="I2192" s="71"/>
      <c r="J2192" s="71"/>
      <c r="K2192" s="71"/>
      <c r="L2192" s="71"/>
      <c r="M2192" s="71"/>
      <c r="N2192" s="71"/>
      <c r="O2192" s="71"/>
      <c r="P2192" s="71"/>
      <c r="Q2192" s="71"/>
      <c r="R2192" s="71"/>
      <c r="S2192" s="71"/>
      <c r="T2192" s="71"/>
      <c r="U2192" s="71"/>
      <c r="V2192" s="71"/>
      <c r="W2192" s="71"/>
      <c r="X2192" s="71"/>
      <c r="Y2192" s="71"/>
    </row>
    <row r="2193" spans="1:11" s="32" customFormat="1" ht="36.450000000000003" customHeight="1" x14ac:dyDescent="0.15">
      <c r="A2193" s="31"/>
      <c r="D2193" s="33" t="s">
        <v>341</v>
      </c>
      <c r="E2193" s="36" t="s">
        <v>661</v>
      </c>
      <c r="F2193" s="51" t="s">
        <v>662</v>
      </c>
      <c r="G2193" s="51" t="s">
        <v>488</v>
      </c>
      <c r="H2193" s="51" t="s">
        <v>663</v>
      </c>
      <c r="I2193" s="51" t="s">
        <v>664</v>
      </c>
      <c r="J2193" s="37" t="s">
        <v>443</v>
      </c>
      <c r="K2193" s="35" t="s">
        <v>344</v>
      </c>
    </row>
    <row r="2194" spans="1:11" x14ac:dyDescent="0.2">
      <c r="B2194" s="5"/>
      <c r="C2194" s="40" t="s">
        <v>38</v>
      </c>
      <c r="D2194" s="41">
        <v>4307</v>
      </c>
      <c r="E2194" s="42">
        <v>2.7</v>
      </c>
      <c r="F2194" s="42">
        <v>12.5</v>
      </c>
      <c r="G2194" s="42">
        <v>58.4</v>
      </c>
      <c r="H2194" s="42">
        <v>8.3000000000000007</v>
      </c>
      <c r="I2194" s="42">
        <v>4.2</v>
      </c>
      <c r="J2194" s="43">
        <v>13.9</v>
      </c>
    </row>
    <row r="2195" spans="1:11" x14ac:dyDescent="0.2">
      <c r="B2195" s="72" t="s">
        <v>37</v>
      </c>
      <c r="C2195" s="38" t="s">
        <v>39</v>
      </c>
      <c r="D2195" s="44">
        <v>1325</v>
      </c>
      <c r="E2195" s="45">
        <v>3.8</v>
      </c>
      <c r="F2195" s="45">
        <v>13.4</v>
      </c>
      <c r="G2195" s="45">
        <v>56.3</v>
      </c>
      <c r="H2195" s="45">
        <v>8.1999999999999993</v>
      </c>
      <c r="I2195" s="45">
        <v>4.2</v>
      </c>
      <c r="J2195" s="46">
        <v>14</v>
      </c>
    </row>
    <row r="2196" spans="1:11" x14ac:dyDescent="0.2">
      <c r="B2196" s="72"/>
      <c r="C2196" s="38" t="s">
        <v>40</v>
      </c>
      <c r="D2196" s="44">
        <v>675</v>
      </c>
      <c r="E2196" s="45">
        <v>2.5</v>
      </c>
      <c r="F2196" s="45">
        <v>12</v>
      </c>
      <c r="G2196" s="45">
        <v>59.6</v>
      </c>
      <c r="H2196" s="45">
        <v>8</v>
      </c>
      <c r="I2196" s="45">
        <v>3.6</v>
      </c>
      <c r="J2196" s="46">
        <v>14.4</v>
      </c>
    </row>
    <row r="2197" spans="1:11" x14ac:dyDescent="0.2">
      <c r="B2197" s="72"/>
      <c r="C2197" s="38" t="s">
        <v>41</v>
      </c>
      <c r="D2197" s="44">
        <v>168</v>
      </c>
      <c r="E2197" s="45">
        <v>1.8</v>
      </c>
      <c r="F2197" s="45">
        <v>10.7</v>
      </c>
      <c r="G2197" s="45">
        <v>63.7</v>
      </c>
      <c r="H2197" s="45">
        <v>6.5</v>
      </c>
      <c r="I2197" s="45">
        <v>2.4</v>
      </c>
      <c r="J2197" s="46">
        <v>14.9</v>
      </c>
    </row>
    <row r="2198" spans="1:11" x14ac:dyDescent="0.2">
      <c r="B2198" s="72"/>
      <c r="C2198" s="38" t="s">
        <v>42</v>
      </c>
      <c r="D2198" s="44">
        <v>290</v>
      </c>
      <c r="E2198" s="45">
        <v>1.4</v>
      </c>
      <c r="F2198" s="45">
        <v>11</v>
      </c>
      <c r="G2198" s="45">
        <v>63.4</v>
      </c>
      <c r="H2198" s="45">
        <v>9</v>
      </c>
      <c r="I2198" s="45">
        <v>4.5</v>
      </c>
      <c r="J2198" s="46">
        <v>10.7</v>
      </c>
    </row>
    <row r="2199" spans="1:11" x14ac:dyDescent="0.2">
      <c r="B2199" s="72"/>
      <c r="C2199" s="38" t="s">
        <v>43</v>
      </c>
      <c r="D2199" s="44">
        <v>231</v>
      </c>
      <c r="E2199" s="45">
        <v>2.6</v>
      </c>
      <c r="F2199" s="45">
        <v>10.4</v>
      </c>
      <c r="G2199" s="45">
        <v>57.1</v>
      </c>
      <c r="H2199" s="45">
        <v>9.1</v>
      </c>
      <c r="I2199" s="45">
        <v>8.6999999999999993</v>
      </c>
      <c r="J2199" s="46">
        <v>12.1</v>
      </c>
    </row>
    <row r="2200" spans="1:11" x14ac:dyDescent="0.2">
      <c r="B2200" s="72"/>
      <c r="C2200" s="38" t="s">
        <v>44</v>
      </c>
      <c r="D2200" s="44">
        <v>800</v>
      </c>
      <c r="E2200" s="45">
        <v>1.5</v>
      </c>
      <c r="F2200" s="45">
        <v>11.6</v>
      </c>
      <c r="G2200" s="45">
        <v>59.6</v>
      </c>
      <c r="H2200" s="45">
        <v>7.9</v>
      </c>
      <c r="I2200" s="45">
        <v>3.9</v>
      </c>
      <c r="J2200" s="46">
        <v>15.5</v>
      </c>
    </row>
    <row r="2201" spans="1:11" x14ac:dyDescent="0.2">
      <c r="B2201" s="72"/>
      <c r="C2201" s="38" t="s">
        <v>45</v>
      </c>
      <c r="D2201" s="44">
        <v>240</v>
      </c>
      <c r="E2201" s="45">
        <v>2.9</v>
      </c>
      <c r="F2201" s="45">
        <v>15.4</v>
      </c>
      <c r="G2201" s="45">
        <v>55.4</v>
      </c>
      <c r="H2201" s="45">
        <v>7.9</v>
      </c>
      <c r="I2201" s="45">
        <v>5.4</v>
      </c>
      <c r="J2201" s="46">
        <v>12.9</v>
      </c>
    </row>
    <row r="2202" spans="1:11" x14ac:dyDescent="0.2">
      <c r="B2202" s="72"/>
      <c r="C2202" s="38" t="s">
        <v>46</v>
      </c>
      <c r="D2202" s="44">
        <v>117</v>
      </c>
      <c r="E2202" s="45">
        <v>1.7</v>
      </c>
      <c r="F2202" s="45">
        <v>15.4</v>
      </c>
      <c r="G2202" s="45">
        <v>63.2</v>
      </c>
      <c r="H2202" s="45">
        <v>5.0999999999999996</v>
      </c>
      <c r="I2202" s="45">
        <v>3.4</v>
      </c>
      <c r="J2202" s="46">
        <v>11.1</v>
      </c>
    </row>
    <row r="2203" spans="1:11" x14ac:dyDescent="0.2">
      <c r="B2203" s="72"/>
      <c r="C2203" s="38" t="s">
        <v>47</v>
      </c>
      <c r="D2203" s="44">
        <v>461</v>
      </c>
      <c r="E2203" s="45">
        <v>3</v>
      </c>
      <c r="F2203" s="45">
        <v>12.4</v>
      </c>
      <c r="G2203" s="45">
        <v>56.8</v>
      </c>
      <c r="H2203" s="45">
        <v>10.6</v>
      </c>
      <c r="I2203" s="45">
        <v>3.7</v>
      </c>
      <c r="J2203" s="46">
        <v>13.4</v>
      </c>
    </row>
    <row r="2204" spans="1:11" ht="21.6" x14ac:dyDescent="0.2">
      <c r="B2204" s="72"/>
      <c r="C2204" s="39" t="s">
        <v>48</v>
      </c>
      <c r="D2204" s="47">
        <v>2307</v>
      </c>
      <c r="E2204" s="48">
        <v>2.1</v>
      </c>
      <c r="F2204" s="48">
        <v>12.1</v>
      </c>
      <c r="G2204" s="48">
        <v>59.3</v>
      </c>
      <c r="H2204" s="48">
        <v>8.5</v>
      </c>
      <c r="I2204" s="48">
        <v>4.4000000000000004</v>
      </c>
      <c r="J2204" s="49">
        <v>13.6</v>
      </c>
    </row>
    <row r="2205" spans="1:11" x14ac:dyDescent="0.2">
      <c r="B2205" s="7" t="s">
        <v>49</v>
      </c>
      <c r="C2205" s="4" t="s">
        <v>257</v>
      </c>
    </row>
    <row r="2206" spans="1:11" x14ac:dyDescent="0.2">
      <c r="B2206" s="4"/>
      <c r="C2206" s="4" t="s">
        <v>51</v>
      </c>
    </row>
    <row r="2208" spans="1:11" x14ac:dyDescent="0.2">
      <c r="A2208" s="26" t="s">
        <v>25</v>
      </c>
      <c r="B2208" t="s">
        <v>35</v>
      </c>
      <c r="C2208" t="s">
        <v>35</v>
      </c>
    </row>
    <row r="2209" spans="1:25" x14ac:dyDescent="0.2">
      <c r="B2209" s="70" t="s">
        <v>258</v>
      </c>
      <c r="C2209" s="71"/>
      <c r="D2209" s="71"/>
      <c r="E2209" s="71"/>
      <c r="F2209" s="71"/>
      <c r="G2209" s="71"/>
      <c r="H2209" s="71"/>
      <c r="I2209" s="71"/>
      <c r="J2209" s="71"/>
      <c r="K2209" s="71"/>
      <c r="L2209" s="71"/>
      <c r="M2209" s="71"/>
      <c r="N2209" s="71"/>
      <c r="O2209" s="71"/>
      <c r="P2209" s="71"/>
      <c r="Q2209" s="71"/>
      <c r="R2209" s="71"/>
      <c r="S2209" s="71"/>
      <c r="T2209" s="71"/>
      <c r="U2209" s="71"/>
      <c r="V2209" s="71"/>
      <c r="W2209" s="71"/>
      <c r="X2209" s="71"/>
      <c r="Y2209" s="71"/>
    </row>
    <row r="2210" spans="1:25" s="32" customFormat="1" ht="36.450000000000003" customHeight="1" x14ac:dyDescent="0.15">
      <c r="A2210" s="31"/>
      <c r="D2210" s="33" t="s">
        <v>341</v>
      </c>
      <c r="E2210" s="36" t="s">
        <v>661</v>
      </c>
      <c r="F2210" s="51" t="s">
        <v>488</v>
      </c>
      <c r="G2210" s="51" t="s">
        <v>665</v>
      </c>
      <c r="H2210" s="37" t="s">
        <v>443</v>
      </c>
      <c r="I2210" s="35" t="s">
        <v>344</v>
      </c>
    </row>
    <row r="2211" spans="1:25" x14ac:dyDescent="0.2">
      <c r="B2211" s="5"/>
      <c r="C2211" s="40" t="s">
        <v>38</v>
      </c>
      <c r="D2211" s="41">
        <v>4307</v>
      </c>
      <c r="E2211" s="42">
        <v>15.1</v>
      </c>
      <c r="F2211" s="42">
        <v>57.7</v>
      </c>
      <c r="G2211" s="42">
        <v>9.1999999999999993</v>
      </c>
      <c r="H2211" s="43">
        <v>18</v>
      </c>
    </row>
    <row r="2212" spans="1:25" x14ac:dyDescent="0.2">
      <c r="B2212" s="72" t="s">
        <v>37</v>
      </c>
      <c r="C2212" s="38" t="s">
        <v>39</v>
      </c>
      <c r="D2212" s="44">
        <v>1325</v>
      </c>
      <c r="E2212" s="45">
        <v>16</v>
      </c>
      <c r="F2212" s="45">
        <v>57.8</v>
      </c>
      <c r="G2212" s="45">
        <v>8.8000000000000007</v>
      </c>
      <c r="H2212" s="46">
        <v>17.399999999999999</v>
      </c>
    </row>
    <row r="2213" spans="1:25" x14ac:dyDescent="0.2">
      <c r="B2213" s="72"/>
      <c r="C2213" s="38" t="s">
        <v>40</v>
      </c>
      <c r="D2213" s="44">
        <v>675</v>
      </c>
      <c r="E2213" s="45">
        <v>14.5</v>
      </c>
      <c r="F2213" s="45">
        <v>57</v>
      </c>
      <c r="G2213" s="45">
        <v>10.199999999999999</v>
      </c>
      <c r="H2213" s="46">
        <v>18.2</v>
      </c>
    </row>
    <row r="2214" spans="1:25" x14ac:dyDescent="0.2">
      <c r="B2214" s="72"/>
      <c r="C2214" s="38" t="s">
        <v>41</v>
      </c>
      <c r="D2214" s="44">
        <v>168</v>
      </c>
      <c r="E2214" s="45">
        <v>8.3000000000000007</v>
      </c>
      <c r="F2214" s="45">
        <v>66.7</v>
      </c>
      <c r="G2214" s="45">
        <v>7.1</v>
      </c>
      <c r="H2214" s="46">
        <v>17.899999999999999</v>
      </c>
    </row>
    <row r="2215" spans="1:25" x14ac:dyDescent="0.2">
      <c r="B2215" s="72"/>
      <c r="C2215" s="38" t="s">
        <v>42</v>
      </c>
      <c r="D2215" s="44">
        <v>290</v>
      </c>
      <c r="E2215" s="45">
        <v>14.1</v>
      </c>
      <c r="F2215" s="45">
        <v>61.4</v>
      </c>
      <c r="G2215" s="45">
        <v>7.9</v>
      </c>
      <c r="H2215" s="46">
        <v>16.600000000000001</v>
      </c>
    </row>
    <row r="2216" spans="1:25" x14ac:dyDescent="0.2">
      <c r="B2216" s="72"/>
      <c r="C2216" s="38" t="s">
        <v>43</v>
      </c>
      <c r="D2216" s="44">
        <v>231</v>
      </c>
      <c r="E2216" s="45">
        <v>14.3</v>
      </c>
      <c r="F2216" s="45">
        <v>55.8</v>
      </c>
      <c r="G2216" s="45">
        <v>12.1</v>
      </c>
      <c r="H2216" s="46">
        <v>17.7</v>
      </c>
    </row>
    <row r="2217" spans="1:25" x14ac:dyDescent="0.2">
      <c r="B2217" s="72"/>
      <c r="C2217" s="38" t="s">
        <v>44</v>
      </c>
      <c r="D2217" s="44">
        <v>800</v>
      </c>
      <c r="E2217" s="45">
        <v>14.9</v>
      </c>
      <c r="F2217" s="45">
        <v>57.8</v>
      </c>
      <c r="G2217" s="45">
        <v>8.4</v>
      </c>
      <c r="H2217" s="46">
        <v>19</v>
      </c>
    </row>
    <row r="2218" spans="1:25" x14ac:dyDescent="0.2">
      <c r="B2218" s="72"/>
      <c r="C2218" s="38" t="s">
        <v>45</v>
      </c>
      <c r="D2218" s="44">
        <v>240</v>
      </c>
      <c r="E2218" s="45">
        <v>20</v>
      </c>
      <c r="F2218" s="45">
        <v>50.8</v>
      </c>
      <c r="G2218" s="45">
        <v>11.7</v>
      </c>
      <c r="H2218" s="46">
        <v>17.5</v>
      </c>
    </row>
    <row r="2219" spans="1:25" x14ac:dyDescent="0.2">
      <c r="B2219" s="72"/>
      <c r="C2219" s="38" t="s">
        <v>46</v>
      </c>
      <c r="D2219" s="44">
        <v>117</v>
      </c>
      <c r="E2219" s="45">
        <v>16.2</v>
      </c>
      <c r="F2219" s="45">
        <v>62.4</v>
      </c>
      <c r="G2219" s="45">
        <v>6</v>
      </c>
      <c r="H2219" s="46">
        <v>15.4</v>
      </c>
    </row>
    <row r="2220" spans="1:25" x14ac:dyDescent="0.2">
      <c r="B2220" s="72"/>
      <c r="C2220" s="38" t="s">
        <v>47</v>
      </c>
      <c r="D2220" s="44">
        <v>461</v>
      </c>
      <c r="E2220" s="45">
        <v>14.8</v>
      </c>
      <c r="F2220" s="45">
        <v>55.5</v>
      </c>
      <c r="G2220" s="45">
        <v>9.5</v>
      </c>
      <c r="H2220" s="46">
        <v>20.2</v>
      </c>
    </row>
    <row r="2221" spans="1:25" ht="21.6" x14ac:dyDescent="0.2">
      <c r="B2221" s="72"/>
      <c r="C2221" s="39" t="s">
        <v>48</v>
      </c>
      <c r="D2221" s="47">
        <v>2307</v>
      </c>
      <c r="E2221" s="48">
        <v>14.8</v>
      </c>
      <c r="F2221" s="48">
        <v>57.7</v>
      </c>
      <c r="G2221" s="48">
        <v>9.1</v>
      </c>
      <c r="H2221" s="49">
        <v>18.399999999999999</v>
      </c>
    </row>
    <row r="2223" spans="1:25" x14ac:dyDescent="0.2">
      <c r="A2223" s="26" t="s">
        <v>25</v>
      </c>
      <c r="B2223" t="s">
        <v>35</v>
      </c>
      <c r="C2223" t="s">
        <v>35</v>
      </c>
    </row>
    <row r="2224" spans="1:25" x14ac:dyDescent="0.2">
      <c r="B2224" s="70" t="s">
        <v>259</v>
      </c>
      <c r="C2224" s="71"/>
      <c r="D2224" s="71"/>
      <c r="E2224" s="71"/>
      <c r="F2224" s="71"/>
      <c r="G2224" s="71"/>
      <c r="H2224" s="71"/>
      <c r="I2224" s="71"/>
      <c r="J2224" s="71"/>
      <c r="K2224" s="71"/>
      <c r="L2224" s="71"/>
      <c r="M2224" s="71"/>
      <c r="N2224" s="71"/>
      <c r="O2224" s="71"/>
      <c r="P2224" s="71"/>
      <c r="Q2224" s="71"/>
      <c r="R2224" s="71"/>
      <c r="S2224" s="71"/>
      <c r="T2224" s="71"/>
      <c r="U2224" s="71"/>
      <c r="V2224" s="71"/>
      <c r="W2224" s="71"/>
      <c r="X2224" s="71"/>
      <c r="Y2224" s="71"/>
    </row>
    <row r="2225" spans="1:25" s="32" customFormat="1" ht="36.450000000000003" customHeight="1" x14ac:dyDescent="0.15">
      <c r="A2225" s="31"/>
      <c r="D2225" s="33" t="s">
        <v>341</v>
      </c>
      <c r="E2225" s="36" t="s">
        <v>661</v>
      </c>
      <c r="F2225" s="51" t="s">
        <v>488</v>
      </c>
      <c r="G2225" s="51" t="s">
        <v>665</v>
      </c>
      <c r="H2225" s="37" t="s">
        <v>443</v>
      </c>
      <c r="I2225" s="35" t="s">
        <v>344</v>
      </c>
    </row>
    <row r="2226" spans="1:25" x14ac:dyDescent="0.2">
      <c r="B2226" s="5"/>
      <c r="C2226" s="40" t="s">
        <v>38</v>
      </c>
      <c r="D2226" s="41">
        <v>4307</v>
      </c>
      <c r="E2226" s="42">
        <v>11.8</v>
      </c>
      <c r="F2226" s="42">
        <v>60.1</v>
      </c>
      <c r="G2226" s="42">
        <v>14.4</v>
      </c>
      <c r="H2226" s="43">
        <v>13.6</v>
      </c>
    </row>
    <row r="2227" spans="1:25" x14ac:dyDescent="0.2">
      <c r="B2227" s="72" t="s">
        <v>37</v>
      </c>
      <c r="C2227" s="38" t="s">
        <v>39</v>
      </c>
      <c r="D2227" s="44">
        <v>1325</v>
      </c>
      <c r="E2227" s="45">
        <v>13.6</v>
      </c>
      <c r="F2227" s="45">
        <v>58</v>
      </c>
      <c r="G2227" s="45">
        <v>14.6</v>
      </c>
      <c r="H2227" s="46">
        <v>13.7</v>
      </c>
    </row>
    <row r="2228" spans="1:25" x14ac:dyDescent="0.2">
      <c r="B2228" s="72"/>
      <c r="C2228" s="38" t="s">
        <v>40</v>
      </c>
      <c r="D2228" s="44">
        <v>675</v>
      </c>
      <c r="E2228" s="45">
        <v>11.7</v>
      </c>
      <c r="F2228" s="45">
        <v>61.2</v>
      </c>
      <c r="G2228" s="45">
        <v>12.3</v>
      </c>
      <c r="H2228" s="46">
        <v>14.8</v>
      </c>
    </row>
    <row r="2229" spans="1:25" x14ac:dyDescent="0.2">
      <c r="B2229" s="72"/>
      <c r="C2229" s="38" t="s">
        <v>41</v>
      </c>
      <c r="D2229" s="44">
        <v>168</v>
      </c>
      <c r="E2229" s="45">
        <v>9.5</v>
      </c>
      <c r="F2229" s="45">
        <v>67.3</v>
      </c>
      <c r="G2229" s="45">
        <v>8.3000000000000007</v>
      </c>
      <c r="H2229" s="46">
        <v>14.9</v>
      </c>
    </row>
    <row r="2230" spans="1:25" x14ac:dyDescent="0.2">
      <c r="B2230" s="72"/>
      <c r="C2230" s="38" t="s">
        <v>42</v>
      </c>
      <c r="D2230" s="44">
        <v>290</v>
      </c>
      <c r="E2230" s="45">
        <v>11.4</v>
      </c>
      <c r="F2230" s="45">
        <v>65.2</v>
      </c>
      <c r="G2230" s="45">
        <v>12.4</v>
      </c>
      <c r="H2230" s="46">
        <v>11</v>
      </c>
    </row>
    <row r="2231" spans="1:25" x14ac:dyDescent="0.2">
      <c r="B2231" s="72"/>
      <c r="C2231" s="38" t="s">
        <v>43</v>
      </c>
      <c r="D2231" s="44">
        <v>231</v>
      </c>
      <c r="E2231" s="45">
        <v>10.4</v>
      </c>
      <c r="F2231" s="45">
        <v>58</v>
      </c>
      <c r="G2231" s="45">
        <v>19.5</v>
      </c>
      <c r="H2231" s="46">
        <v>12.1</v>
      </c>
    </row>
    <row r="2232" spans="1:25" x14ac:dyDescent="0.2">
      <c r="B2232" s="72"/>
      <c r="C2232" s="38" t="s">
        <v>44</v>
      </c>
      <c r="D2232" s="44">
        <v>800</v>
      </c>
      <c r="E2232" s="45">
        <v>9.6</v>
      </c>
      <c r="F2232" s="45">
        <v>61.1</v>
      </c>
      <c r="G2232" s="45">
        <v>15.4</v>
      </c>
      <c r="H2232" s="46">
        <v>13.9</v>
      </c>
    </row>
    <row r="2233" spans="1:25" x14ac:dyDescent="0.2">
      <c r="B2233" s="72"/>
      <c r="C2233" s="38" t="s">
        <v>45</v>
      </c>
      <c r="D2233" s="44">
        <v>240</v>
      </c>
      <c r="E2233" s="45">
        <v>13.3</v>
      </c>
      <c r="F2233" s="45">
        <v>56.3</v>
      </c>
      <c r="G2233" s="45">
        <v>17.100000000000001</v>
      </c>
      <c r="H2233" s="46">
        <v>13.3</v>
      </c>
    </row>
    <row r="2234" spans="1:25" x14ac:dyDescent="0.2">
      <c r="B2234" s="72"/>
      <c r="C2234" s="38" t="s">
        <v>46</v>
      </c>
      <c r="D2234" s="44">
        <v>117</v>
      </c>
      <c r="E2234" s="45">
        <v>12.8</v>
      </c>
      <c r="F2234" s="45">
        <v>65</v>
      </c>
      <c r="G2234" s="45">
        <v>11.1</v>
      </c>
      <c r="H2234" s="46">
        <v>11.1</v>
      </c>
    </row>
    <row r="2235" spans="1:25" x14ac:dyDescent="0.2">
      <c r="B2235" s="72"/>
      <c r="C2235" s="38" t="s">
        <v>47</v>
      </c>
      <c r="D2235" s="44">
        <v>461</v>
      </c>
      <c r="E2235" s="45">
        <v>11.3</v>
      </c>
      <c r="F2235" s="45">
        <v>59</v>
      </c>
      <c r="G2235" s="45">
        <v>15.8</v>
      </c>
      <c r="H2235" s="46">
        <v>13.9</v>
      </c>
    </row>
    <row r="2236" spans="1:25" ht="21.6" x14ac:dyDescent="0.2">
      <c r="B2236" s="72"/>
      <c r="C2236" s="39" t="s">
        <v>48</v>
      </c>
      <c r="D2236" s="47">
        <v>2307</v>
      </c>
      <c r="E2236" s="48">
        <v>10.8</v>
      </c>
      <c r="F2236" s="48">
        <v>61</v>
      </c>
      <c r="G2236" s="48">
        <v>15</v>
      </c>
      <c r="H2236" s="49">
        <v>13.2</v>
      </c>
    </row>
    <row r="2238" spans="1:25" x14ac:dyDescent="0.2">
      <c r="A2238" s="26" t="s">
        <v>25</v>
      </c>
      <c r="B2238" t="s">
        <v>35</v>
      </c>
      <c r="C2238" t="s">
        <v>35</v>
      </c>
    </row>
    <row r="2239" spans="1:25" x14ac:dyDescent="0.2">
      <c r="B2239" s="70" t="s">
        <v>260</v>
      </c>
      <c r="C2239" s="71"/>
      <c r="D2239" s="71"/>
      <c r="E2239" s="71"/>
      <c r="F2239" s="71"/>
      <c r="G2239" s="71"/>
      <c r="H2239" s="71"/>
      <c r="I2239" s="71"/>
      <c r="J2239" s="71"/>
      <c r="K2239" s="71"/>
      <c r="L2239" s="71"/>
      <c r="M2239" s="71"/>
      <c r="N2239" s="71"/>
      <c r="O2239" s="71"/>
      <c r="P2239" s="71"/>
      <c r="Q2239" s="71"/>
      <c r="R2239" s="71"/>
      <c r="S2239" s="71"/>
      <c r="T2239" s="71"/>
      <c r="U2239" s="71"/>
      <c r="V2239" s="71"/>
      <c r="W2239" s="71"/>
      <c r="X2239" s="71"/>
      <c r="Y2239" s="71"/>
    </row>
    <row r="2240" spans="1:25" s="32" customFormat="1" ht="36.450000000000003" customHeight="1" x14ac:dyDescent="0.15">
      <c r="A2240" s="31"/>
      <c r="D2240" s="33" t="s">
        <v>341</v>
      </c>
      <c r="E2240" s="36" t="s">
        <v>661</v>
      </c>
      <c r="F2240" s="51" t="s">
        <v>488</v>
      </c>
      <c r="G2240" s="51" t="s">
        <v>665</v>
      </c>
      <c r="H2240" s="37" t="s">
        <v>443</v>
      </c>
      <c r="I2240" s="35" t="s">
        <v>344</v>
      </c>
    </row>
    <row r="2241" spans="1:25" x14ac:dyDescent="0.2">
      <c r="B2241" s="5"/>
      <c r="C2241" s="40" t="s">
        <v>38</v>
      </c>
      <c r="D2241" s="41">
        <v>4307</v>
      </c>
      <c r="E2241" s="42">
        <v>13.2</v>
      </c>
      <c r="F2241" s="42">
        <v>58.9</v>
      </c>
      <c r="G2241" s="42">
        <v>14.7</v>
      </c>
      <c r="H2241" s="43">
        <v>13.2</v>
      </c>
    </row>
    <row r="2242" spans="1:25" x14ac:dyDescent="0.2">
      <c r="B2242" s="72" t="s">
        <v>37</v>
      </c>
      <c r="C2242" s="38" t="s">
        <v>39</v>
      </c>
      <c r="D2242" s="44">
        <v>1325</v>
      </c>
      <c r="E2242" s="45">
        <v>14.8</v>
      </c>
      <c r="F2242" s="45">
        <v>57.7</v>
      </c>
      <c r="G2242" s="45">
        <v>14</v>
      </c>
      <c r="H2242" s="46">
        <v>13.5</v>
      </c>
    </row>
    <row r="2243" spans="1:25" x14ac:dyDescent="0.2">
      <c r="B2243" s="72"/>
      <c r="C2243" s="38" t="s">
        <v>40</v>
      </c>
      <c r="D2243" s="44">
        <v>675</v>
      </c>
      <c r="E2243" s="45">
        <v>14.2</v>
      </c>
      <c r="F2243" s="45">
        <v>59.1</v>
      </c>
      <c r="G2243" s="45">
        <v>12.6</v>
      </c>
      <c r="H2243" s="46">
        <v>14.1</v>
      </c>
    </row>
    <row r="2244" spans="1:25" x14ac:dyDescent="0.2">
      <c r="B2244" s="72"/>
      <c r="C2244" s="38" t="s">
        <v>41</v>
      </c>
      <c r="D2244" s="44">
        <v>168</v>
      </c>
      <c r="E2244" s="45">
        <v>8.3000000000000007</v>
      </c>
      <c r="F2244" s="45">
        <v>67.3</v>
      </c>
      <c r="G2244" s="45">
        <v>9.5</v>
      </c>
      <c r="H2244" s="46">
        <v>14.9</v>
      </c>
    </row>
    <row r="2245" spans="1:25" x14ac:dyDescent="0.2">
      <c r="B2245" s="72"/>
      <c r="C2245" s="38" t="s">
        <v>42</v>
      </c>
      <c r="D2245" s="44">
        <v>290</v>
      </c>
      <c r="E2245" s="45">
        <v>12.4</v>
      </c>
      <c r="F2245" s="45">
        <v>62.8</v>
      </c>
      <c r="G2245" s="45">
        <v>13.8</v>
      </c>
      <c r="H2245" s="46">
        <v>11</v>
      </c>
    </row>
    <row r="2246" spans="1:25" x14ac:dyDescent="0.2">
      <c r="B2246" s="72"/>
      <c r="C2246" s="38" t="s">
        <v>43</v>
      </c>
      <c r="D2246" s="44">
        <v>231</v>
      </c>
      <c r="E2246" s="45">
        <v>13</v>
      </c>
      <c r="F2246" s="45">
        <v>57.1</v>
      </c>
      <c r="G2246" s="45">
        <v>18.600000000000001</v>
      </c>
      <c r="H2246" s="46">
        <v>11.3</v>
      </c>
    </row>
    <row r="2247" spans="1:25" x14ac:dyDescent="0.2">
      <c r="B2247" s="72"/>
      <c r="C2247" s="38" t="s">
        <v>44</v>
      </c>
      <c r="D2247" s="44">
        <v>800</v>
      </c>
      <c r="E2247" s="45">
        <v>10.4</v>
      </c>
      <c r="F2247" s="45">
        <v>61</v>
      </c>
      <c r="G2247" s="45">
        <v>15.4</v>
      </c>
      <c r="H2247" s="46">
        <v>13.3</v>
      </c>
    </row>
    <row r="2248" spans="1:25" x14ac:dyDescent="0.2">
      <c r="B2248" s="72"/>
      <c r="C2248" s="38" t="s">
        <v>45</v>
      </c>
      <c r="D2248" s="44">
        <v>240</v>
      </c>
      <c r="E2248" s="45">
        <v>12.5</v>
      </c>
      <c r="F2248" s="45">
        <v>55.4</v>
      </c>
      <c r="G2248" s="45">
        <v>18.8</v>
      </c>
      <c r="H2248" s="46">
        <v>13.3</v>
      </c>
    </row>
    <row r="2249" spans="1:25" x14ac:dyDescent="0.2">
      <c r="B2249" s="72"/>
      <c r="C2249" s="38" t="s">
        <v>46</v>
      </c>
      <c r="D2249" s="44">
        <v>117</v>
      </c>
      <c r="E2249" s="45">
        <v>12.8</v>
      </c>
      <c r="F2249" s="45">
        <v>64.099999999999994</v>
      </c>
      <c r="G2249" s="45">
        <v>12.8</v>
      </c>
      <c r="H2249" s="46">
        <v>10.3</v>
      </c>
    </row>
    <row r="2250" spans="1:25" x14ac:dyDescent="0.2">
      <c r="B2250" s="72"/>
      <c r="C2250" s="38" t="s">
        <v>47</v>
      </c>
      <c r="D2250" s="44">
        <v>461</v>
      </c>
      <c r="E2250" s="45">
        <v>15</v>
      </c>
      <c r="F2250" s="45">
        <v>54.4</v>
      </c>
      <c r="G2250" s="45">
        <v>17.399999999999999</v>
      </c>
      <c r="H2250" s="46">
        <v>13.2</v>
      </c>
    </row>
    <row r="2251" spans="1:25" ht="21.6" x14ac:dyDescent="0.2">
      <c r="B2251" s="72"/>
      <c r="C2251" s="39" t="s">
        <v>48</v>
      </c>
      <c r="D2251" s="47">
        <v>2307</v>
      </c>
      <c r="E2251" s="48">
        <v>12</v>
      </c>
      <c r="F2251" s="48">
        <v>59.6</v>
      </c>
      <c r="G2251" s="48">
        <v>15.7</v>
      </c>
      <c r="H2251" s="49">
        <v>12.7</v>
      </c>
    </row>
    <row r="2253" spans="1:25" x14ac:dyDescent="0.2">
      <c r="A2253" s="26" t="s">
        <v>25</v>
      </c>
      <c r="B2253" t="s">
        <v>35</v>
      </c>
      <c r="C2253" t="s">
        <v>35</v>
      </c>
    </row>
    <row r="2254" spans="1:25" x14ac:dyDescent="0.2">
      <c r="B2254" s="70" t="s">
        <v>261</v>
      </c>
      <c r="C2254" s="71"/>
      <c r="D2254" s="71"/>
      <c r="E2254" s="71"/>
      <c r="F2254" s="71"/>
      <c r="G2254" s="71"/>
      <c r="H2254" s="71"/>
      <c r="I2254" s="71"/>
      <c r="J2254" s="71"/>
      <c r="K2254" s="71"/>
      <c r="L2254" s="71"/>
      <c r="M2254" s="71"/>
      <c r="N2254" s="71"/>
      <c r="O2254" s="71"/>
      <c r="P2254" s="71"/>
      <c r="Q2254" s="71"/>
      <c r="R2254" s="71"/>
      <c r="S2254" s="71"/>
      <c r="T2254" s="71"/>
      <c r="U2254" s="71"/>
      <c r="V2254" s="71"/>
      <c r="W2254" s="71"/>
      <c r="X2254" s="71"/>
      <c r="Y2254" s="71"/>
    </row>
    <row r="2255" spans="1:25" s="32" customFormat="1" ht="36.450000000000003" customHeight="1" x14ac:dyDescent="0.15">
      <c r="A2255" s="31"/>
      <c r="D2255" s="33" t="s">
        <v>341</v>
      </c>
      <c r="E2255" s="36" t="s">
        <v>661</v>
      </c>
      <c r="F2255" s="51" t="s">
        <v>488</v>
      </c>
      <c r="G2255" s="51" t="s">
        <v>665</v>
      </c>
      <c r="H2255" s="37" t="s">
        <v>443</v>
      </c>
      <c r="I2255" s="35" t="s">
        <v>344</v>
      </c>
    </row>
    <row r="2256" spans="1:25" x14ac:dyDescent="0.2">
      <c r="B2256" s="5"/>
      <c r="C2256" s="40" t="s">
        <v>38</v>
      </c>
      <c r="D2256" s="41">
        <v>4307</v>
      </c>
      <c r="E2256" s="42">
        <v>15.2</v>
      </c>
      <c r="F2256" s="42">
        <v>58.4</v>
      </c>
      <c r="G2256" s="42">
        <v>12.5</v>
      </c>
      <c r="H2256" s="43">
        <v>13.9</v>
      </c>
    </row>
    <row r="2257" spans="1:25" x14ac:dyDescent="0.2">
      <c r="B2257" s="72" t="s">
        <v>37</v>
      </c>
      <c r="C2257" s="38" t="s">
        <v>39</v>
      </c>
      <c r="D2257" s="44">
        <v>1325</v>
      </c>
      <c r="E2257" s="45">
        <v>17.2</v>
      </c>
      <c r="F2257" s="45">
        <v>56.3</v>
      </c>
      <c r="G2257" s="45">
        <v>12.5</v>
      </c>
      <c r="H2257" s="46">
        <v>14</v>
      </c>
    </row>
    <row r="2258" spans="1:25" x14ac:dyDescent="0.2">
      <c r="B2258" s="72"/>
      <c r="C2258" s="38" t="s">
        <v>40</v>
      </c>
      <c r="D2258" s="44">
        <v>675</v>
      </c>
      <c r="E2258" s="45">
        <v>14.5</v>
      </c>
      <c r="F2258" s="45">
        <v>59.6</v>
      </c>
      <c r="G2258" s="45">
        <v>11.6</v>
      </c>
      <c r="H2258" s="46">
        <v>14.4</v>
      </c>
    </row>
    <row r="2259" spans="1:25" x14ac:dyDescent="0.2">
      <c r="B2259" s="72"/>
      <c r="C2259" s="38" t="s">
        <v>41</v>
      </c>
      <c r="D2259" s="44">
        <v>168</v>
      </c>
      <c r="E2259" s="45">
        <v>12.5</v>
      </c>
      <c r="F2259" s="45">
        <v>63.7</v>
      </c>
      <c r="G2259" s="45">
        <v>8.9</v>
      </c>
      <c r="H2259" s="46">
        <v>14.9</v>
      </c>
    </row>
    <row r="2260" spans="1:25" x14ac:dyDescent="0.2">
      <c r="B2260" s="72"/>
      <c r="C2260" s="38" t="s">
        <v>42</v>
      </c>
      <c r="D2260" s="44">
        <v>290</v>
      </c>
      <c r="E2260" s="45">
        <v>12.4</v>
      </c>
      <c r="F2260" s="45">
        <v>63.4</v>
      </c>
      <c r="G2260" s="45">
        <v>13.4</v>
      </c>
      <c r="H2260" s="46">
        <v>10.7</v>
      </c>
    </row>
    <row r="2261" spans="1:25" x14ac:dyDescent="0.2">
      <c r="B2261" s="72"/>
      <c r="C2261" s="38" t="s">
        <v>43</v>
      </c>
      <c r="D2261" s="44">
        <v>231</v>
      </c>
      <c r="E2261" s="45">
        <v>13</v>
      </c>
      <c r="F2261" s="45">
        <v>57.1</v>
      </c>
      <c r="G2261" s="45">
        <v>17.7</v>
      </c>
      <c r="H2261" s="46">
        <v>12.1</v>
      </c>
    </row>
    <row r="2262" spans="1:25" x14ac:dyDescent="0.2">
      <c r="B2262" s="72"/>
      <c r="C2262" s="38" t="s">
        <v>44</v>
      </c>
      <c r="D2262" s="44">
        <v>800</v>
      </c>
      <c r="E2262" s="45">
        <v>13.1</v>
      </c>
      <c r="F2262" s="45">
        <v>59.6</v>
      </c>
      <c r="G2262" s="45">
        <v>11.8</v>
      </c>
      <c r="H2262" s="46">
        <v>15.5</v>
      </c>
    </row>
    <row r="2263" spans="1:25" x14ac:dyDescent="0.2">
      <c r="B2263" s="72"/>
      <c r="C2263" s="38" t="s">
        <v>45</v>
      </c>
      <c r="D2263" s="44">
        <v>240</v>
      </c>
      <c r="E2263" s="45">
        <v>18.3</v>
      </c>
      <c r="F2263" s="45">
        <v>55.4</v>
      </c>
      <c r="G2263" s="45">
        <v>13.3</v>
      </c>
      <c r="H2263" s="46">
        <v>12.9</v>
      </c>
    </row>
    <row r="2264" spans="1:25" x14ac:dyDescent="0.2">
      <c r="B2264" s="72"/>
      <c r="C2264" s="38" t="s">
        <v>46</v>
      </c>
      <c r="D2264" s="44">
        <v>117</v>
      </c>
      <c r="E2264" s="45">
        <v>17.100000000000001</v>
      </c>
      <c r="F2264" s="45">
        <v>63.2</v>
      </c>
      <c r="G2264" s="45">
        <v>8.5</v>
      </c>
      <c r="H2264" s="46">
        <v>11.1</v>
      </c>
    </row>
    <row r="2265" spans="1:25" x14ac:dyDescent="0.2">
      <c r="B2265" s="72"/>
      <c r="C2265" s="38" t="s">
        <v>47</v>
      </c>
      <c r="D2265" s="44">
        <v>461</v>
      </c>
      <c r="E2265" s="45">
        <v>15.4</v>
      </c>
      <c r="F2265" s="45">
        <v>56.8</v>
      </c>
      <c r="G2265" s="45">
        <v>14.3</v>
      </c>
      <c r="H2265" s="46">
        <v>13.4</v>
      </c>
    </row>
    <row r="2266" spans="1:25" ht="21.6" x14ac:dyDescent="0.2">
      <c r="B2266" s="72"/>
      <c r="C2266" s="39" t="s">
        <v>48</v>
      </c>
      <c r="D2266" s="47">
        <v>2307</v>
      </c>
      <c r="E2266" s="48">
        <v>14.2</v>
      </c>
      <c r="F2266" s="48">
        <v>59.3</v>
      </c>
      <c r="G2266" s="48">
        <v>12.9</v>
      </c>
      <c r="H2266" s="49">
        <v>13.6</v>
      </c>
    </row>
    <row r="2268" spans="1:25" x14ac:dyDescent="0.2">
      <c r="A2268" s="26" t="s">
        <v>25</v>
      </c>
      <c r="B2268" t="s">
        <v>35</v>
      </c>
      <c r="C2268" t="s">
        <v>35</v>
      </c>
    </row>
    <row r="2269" spans="1:25" x14ac:dyDescent="0.2">
      <c r="B2269" s="70" t="s">
        <v>262</v>
      </c>
      <c r="C2269" s="71"/>
      <c r="D2269" s="71"/>
      <c r="E2269" s="71"/>
      <c r="F2269" s="71"/>
      <c r="G2269" s="71"/>
      <c r="H2269" s="71"/>
      <c r="I2269" s="71"/>
      <c r="J2269" s="71"/>
      <c r="K2269" s="71"/>
      <c r="L2269" s="71"/>
      <c r="M2269" s="71"/>
      <c r="N2269" s="71"/>
      <c r="O2269" s="71"/>
      <c r="P2269" s="71"/>
      <c r="Q2269" s="71"/>
      <c r="R2269" s="71"/>
      <c r="S2269" s="71"/>
      <c r="T2269" s="71"/>
      <c r="U2269" s="71"/>
      <c r="V2269" s="71"/>
      <c r="W2269" s="71"/>
      <c r="X2269" s="71"/>
      <c r="Y2269" s="71"/>
    </row>
    <row r="2270" spans="1:25" s="32" customFormat="1" ht="36.450000000000003" customHeight="1" x14ac:dyDescent="0.15">
      <c r="A2270" s="31"/>
      <c r="D2270" s="33" t="s">
        <v>341</v>
      </c>
      <c r="E2270" s="36" t="s">
        <v>666</v>
      </c>
      <c r="F2270" s="51" t="s">
        <v>667</v>
      </c>
      <c r="G2270" s="37" t="s">
        <v>443</v>
      </c>
      <c r="H2270" s="35" t="s">
        <v>344</v>
      </c>
    </row>
    <row r="2271" spans="1:25" x14ac:dyDescent="0.2">
      <c r="B2271" s="5"/>
      <c r="C2271" s="40" t="s">
        <v>38</v>
      </c>
      <c r="D2271" s="41">
        <v>4307</v>
      </c>
      <c r="E2271" s="42">
        <v>15.1</v>
      </c>
      <c r="F2271" s="42">
        <v>58.5</v>
      </c>
      <c r="G2271" s="43">
        <v>26.4</v>
      </c>
    </row>
    <row r="2272" spans="1:25" x14ac:dyDescent="0.2">
      <c r="B2272" s="72" t="s">
        <v>37</v>
      </c>
      <c r="C2272" s="38" t="s">
        <v>39</v>
      </c>
      <c r="D2272" s="44">
        <v>1325</v>
      </c>
      <c r="E2272" s="45">
        <v>14.5</v>
      </c>
      <c r="F2272" s="45">
        <v>57.1</v>
      </c>
      <c r="G2272" s="46">
        <v>28.5</v>
      </c>
    </row>
    <row r="2273" spans="1:25" x14ac:dyDescent="0.2">
      <c r="B2273" s="72"/>
      <c r="C2273" s="38" t="s">
        <v>40</v>
      </c>
      <c r="D2273" s="44">
        <v>675</v>
      </c>
      <c r="E2273" s="45">
        <v>14.5</v>
      </c>
      <c r="F2273" s="45">
        <v>61.8</v>
      </c>
      <c r="G2273" s="46">
        <v>23.7</v>
      </c>
    </row>
    <row r="2274" spans="1:25" x14ac:dyDescent="0.2">
      <c r="B2274" s="72"/>
      <c r="C2274" s="38" t="s">
        <v>41</v>
      </c>
      <c r="D2274" s="44">
        <v>168</v>
      </c>
      <c r="E2274" s="45">
        <v>11.9</v>
      </c>
      <c r="F2274" s="45">
        <v>61.3</v>
      </c>
      <c r="G2274" s="46">
        <v>26.8</v>
      </c>
    </row>
    <row r="2275" spans="1:25" x14ac:dyDescent="0.2">
      <c r="B2275" s="72"/>
      <c r="C2275" s="38" t="s">
        <v>42</v>
      </c>
      <c r="D2275" s="44">
        <v>290</v>
      </c>
      <c r="E2275" s="45">
        <v>14.8</v>
      </c>
      <c r="F2275" s="45">
        <v>58.6</v>
      </c>
      <c r="G2275" s="46">
        <v>26.6</v>
      </c>
    </row>
    <row r="2276" spans="1:25" x14ac:dyDescent="0.2">
      <c r="B2276" s="72"/>
      <c r="C2276" s="38" t="s">
        <v>43</v>
      </c>
      <c r="D2276" s="44">
        <v>231</v>
      </c>
      <c r="E2276" s="45">
        <v>13</v>
      </c>
      <c r="F2276" s="45">
        <v>61</v>
      </c>
      <c r="G2276" s="46">
        <v>26</v>
      </c>
    </row>
    <row r="2277" spans="1:25" x14ac:dyDescent="0.2">
      <c r="B2277" s="72"/>
      <c r="C2277" s="38" t="s">
        <v>44</v>
      </c>
      <c r="D2277" s="44">
        <v>800</v>
      </c>
      <c r="E2277" s="45">
        <v>16.5</v>
      </c>
      <c r="F2277" s="45">
        <v>56.3</v>
      </c>
      <c r="G2277" s="46">
        <v>27.3</v>
      </c>
    </row>
    <row r="2278" spans="1:25" x14ac:dyDescent="0.2">
      <c r="B2278" s="72"/>
      <c r="C2278" s="38" t="s">
        <v>45</v>
      </c>
      <c r="D2278" s="44">
        <v>240</v>
      </c>
      <c r="E2278" s="45">
        <v>17.899999999999999</v>
      </c>
      <c r="F2278" s="45">
        <v>60.4</v>
      </c>
      <c r="G2278" s="46">
        <v>21.7</v>
      </c>
    </row>
    <row r="2279" spans="1:25" x14ac:dyDescent="0.2">
      <c r="B2279" s="72"/>
      <c r="C2279" s="38" t="s">
        <v>46</v>
      </c>
      <c r="D2279" s="44">
        <v>117</v>
      </c>
      <c r="E2279" s="45">
        <v>10.3</v>
      </c>
      <c r="F2279" s="45">
        <v>59</v>
      </c>
      <c r="G2279" s="46">
        <v>30.8</v>
      </c>
    </row>
    <row r="2280" spans="1:25" x14ac:dyDescent="0.2">
      <c r="B2280" s="72"/>
      <c r="C2280" s="38" t="s">
        <v>47</v>
      </c>
      <c r="D2280" s="44">
        <v>461</v>
      </c>
      <c r="E2280" s="45">
        <v>17.600000000000001</v>
      </c>
      <c r="F2280" s="45">
        <v>57.9</v>
      </c>
      <c r="G2280" s="46">
        <v>24.5</v>
      </c>
    </row>
    <row r="2281" spans="1:25" ht="21.6" x14ac:dyDescent="0.2">
      <c r="B2281" s="72"/>
      <c r="C2281" s="39" t="s">
        <v>48</v>
      </c>
      <c r="D2281" s="47">
        <v>2307</v>
      </c>
      <c r="E2281" s="48">
        <v>15.6</v>
      </c>
      <c r="F2281" s="48">
        <v>58.3</v>
      </c>
      <c r="G2281" s="49">
        <v>26.1</v>
      </c>
    </row>
    <row r="2282" spans="1:25" x14ac:dyDescent="0.2">
      <c r="B2282" s="7" t="s">
        <v>49</v>
      </c>
      <c r="C2282" s="4" t="s">
        <v>263</v>
      </c>
    </row>
    <row r="2283" spans="1:25" x14ac:dyDescent="0.2">
      <c r="B2283" s="4"/>
      <c r="C2283" s="4" t="s">
        <v>51</v>
      </c>
    </row>
    <row r="2285" spans="1:25" x14ac:dyDescent="0.2">
      <c r="A2285" s="26" t="s">
        <v>25</v>
      </c>
      <c r="B2285" t="s">
        <v>35</v>
      </c>
      <c r="C2285" t="s">
        <v>35</v>
      </c>
    </row>
    <row r="2286" spans="1:25" x14ac:dyDescent="0.2">
      <c r="B2286" s="70" t="s">
        <v>264</v>
      </c>
      <c r="C2286" s="71"/>
      <c r="D2286" s="71"/>
      <c r="E2286" s="71"/>
      <c r="F2286" s="71"/>
      <c r="G2286" s="71"/>
      <c r="H2286" s="71"/>
      <c r="I2286" s="71"/>
      <c r="J2286" s="71"/>
      <c r="K2286" s="71"/>
      <c r="L2286" s="71"/>
      <c r="M2286" s="71"/>
      <c r="N2286" s="71"/>
      <c r="O2286" s="71"/>
      <c r="P2286" s="71"/>
      <c r="Q2286" s="71"/>
      <c r="R2286" s="71"/>
      <c r="S2286" s="71"/>
      <c r="T2286" s="71"/>
      <c r="U2286" s="71"/>
      <c r="V2286" s="71"/>
      <c r="W2286" s="71"/>
      <c r="X2286" s="71"/>
      <c r="Y2286" s="71"/>
    </row>
    <row r="2287" spans="1:25" s="32" customFormat="1" ht="36.450000000000003" customHeight="1" x14ac:dyDescent="0.15">
      <c r="A2287" s="31"/>
      <c r="D2287" s="33" t="s">
        <v>341</v>
      </c>
      <c r="E2287" s="36" t="s">
        <v>668</v>
      </c>
      <c r="F2287" s="51" t="s">
        <v>488</v>
      </c>
      <c r="G2287" s="51" t="s">
        <v>669</v>
      </c>
      <c r="H2287" s="37" t="s">
        <v>443</v>
      </c>
      <c r="I2287" s="35" t="s">
        <v>344</v>
      </c>
    </row>
    <row r="2288" spans="1:25" x14ac:dyDescent="0.2">
      <c r="B2288" s="5"/>
      <c r="C2288" s="40" t="s">
        <v>38</v>
      </c>
      <c r="D2288" s="41">
        <v>4307</v>
      </c>
      <c r="E2288" s="42">
        <v>4.8</v>
      </c>
      <c r="F2288" s="42">
        <v>63</v>
      </c>
      <c r="G2288" s="42">
        <v>19.2</v>
      </c>
      <c r="H2288" s="43">
        <v>13</v>
      </c>
    </row>
    <row r="2289" spans="1:25" x14ac:dyDescent="0.2">
      <c r="B2289" s="72" t="s">
        <v>37</v>
      </c>
      <c r="C2289" s="38" t="s">
        <v>39</v>
      </c>
      <c r="D2289" s="44">
        <v>1325</v>
      </c>
      <c r="E2289" s="45">
        <v>5.0999999999999996</v>
      </c>
      <c r="F2289" s="45">
        <v>63.2</v>
      </c>
      <c r="G2289" s="45">
        <v>18</v>
      </c>
      <c r="H2289" s="46">
        <v>13.7</v>
      </c>
    </row>
    <row r="2290" spans="1:25" x14ac:dyDescent="0.2">
      <c r="B2290" s="72"/>
      <c r="C2290" s="38" t="s">
        <v>40</v>
      </c>
      <c r="D2290" s="44">
        <v>675</v>
      </c>
      <c r="E2290" s="45">
        <v>4</v>
      </c>
      <c r="F2290" s="45">
        <v>64.900000000000006</v>
      </c>
      <c r="G2290" s="45">
        <v>19</v>
      </c>
      <c r="H2290" s="46">
        <v>12.1</v>
      </c>
    </row>
    <row r="2291" spans="1:25" x14ac:dyDescent="0.2">
      <c r="B2291" s="72"/>
      <c r="C2291" s="38" t="s">
        <v>41</v>
      </c>
      <c r="D2291" s="44">
        <v>168</v>
      </c>
      <c r="E2291" s="45">
        <v>6</v>
      </c>
      <c r="F2291" s="45">
        <v>67.900000000000006</v>
      </c>
      <c r="G2291" s="45">
        <v>14.9</v>
      </c>
      <c r="H2291" s="46">
        <v>11.3</v>
      </c>
    </row>
    <row r="2292" spans="1:25" x14ac:dyDescent="0.2">
      <c r="B2292" s="72"/>
      <c r="C2292" s="38" t="s">
        <v>42</v>
      </c>
      <c r="D2292" s="44">
        <v>290</v>
      </c>
      <c r="E2292" s="45">
        <v>3.8</v>
      </c>
      <c r="F2292" s="45">
        <v>64.099999999999994</v>
      </c>
      <c r="G2292" s="45">
        <v>18.600000000000001</v>
      </c>
      <c r="H2292" s="46">
        <v>13.4</v>
      </c>
    </row>
    <row r="2293" spans="1:25" x14ac:dyDescent="0.2">
      <c r="B2293" s="72"/>
      <c r="C2293" s="38" t="s">
        <v>43</v>
      </c>
      <c r="D2293" s="44">
        <v>231</v>
      </c>
      <c r="E2293" s="45">
        <v>3</v>
      </c>
      <c r="F2293" s="45">
        <v>57.6</v>
      </c>
      <c r="G2293" s="45">
        <v>26.4</v>
      </c>
      <c r="H2293" s="46">
        <v>13</v>
      </c>
    </row>
    <row r="2294" spans="1:25" x14ac:dyDescent="0.2">
      <c r="B2294" s="72"/>
      <c r="C2294" s="38" t="s">
        <v>44</v>
      </c>
      <c r="D2294" s="44">
        <v>800</v>
      </c>
      <c r="E2294" s="45">
        <v>5.0999999999999996</v>
      </c>
      <c r="F2294" s="45">
        <v>61.9</v>
      </c>
      <c r="G2294" s="45">
        <v>19.899999999999999</v>
      </c>
      <c r="H2294" s="46">
        <v>13.1</v>
      </c>
    </row>
    <row r="2295" spans="1:25" x14ac:dyDescent="0.2">
      <c r="B2295" s="72"/>
      <c r="C2295" s="38" t="s">
        <v>45</v>
      </c>
      <c r="D2295" s="44">
        <v>240</v>
      </c>
      <c r="E2295" s="45">
        <v>3.8</v>
      </c>
      <c r="F2295" s="45">
        <v>66.7</v>
      </c>
      <c r="G2295" s="45">
        <v>20</v>
      </c>
      <c r="H2295" s="46">
        <v>9.6</v>
      </c>
    </row>
    <row r="2296" spans="1:25" x14ac:dyDescent="0.2">
      <c r="B2296" s="72"/>
      <c r="C2296" s="38" t="s">
        <v>46</v>
      </c>
      <c r="D2296" s="44">
        <v>117</v>
      </c>
      <c r="E2296" s="45">
        <v>3.4</v>
      </c>
      <c r="F2296" s="45">
        <v>70.099999999999994</v>
      </c>
      <c r="G2296" s="45">
        <v>15.4</v>
      </c>
      <c r="H2296" s="46">
        <v>11.1</v>
      </c>
    </row>
    <row r="2297" spans="1:25" x14ac:dyDescent="0.2">
      <c r="B2297" s="72"/>
      <c r="C2297" s="38" t="s">
        <v>47</v>
      </c>
      <c r="D2297" s="44">
        <v>461</v>
      </c>
      <c r="E2297" s="45">
        <v>6.7</v>
      </c>
      <c r="F2297" s="45">
        <v>58.1</v>
      </c>
      <c r="G2297" s="45">
        <v>20.6</v>
      </c>
      <c r="H2297" s="46">
        <v>14.5</v>
      </c>
    </row>
    <row r="2298" spans="1:25" ht="21.6" x14ac:dyDescent="0.2">
      <c r="B2298" s="72"/>
      <c r="C2298" s="39" t="s">
        <v>48</v>
      </c>
      <c r="D2298" s="47">
        <v>2307</v>
      </c>
      <c r="E2298" s="48">
        <v>4.9000000000000004</v>
      </c>
      <c r="F2298" s="48">
        <v>62.3</v>
      </c>
      <c r="G2298" s="48">
        <v>19.899999999999999</v>
      </c>
      <c r="H2298" s="49">
        <v>12.8</v>
      </c>
    </row>
    <row r="2299" spans="1:25" x14ac:dyDescent="0.2">
      <c r="B2299" s="7" t="s">
        <v>49</v>
      </c>
      <c r="C2299" s="4" t="s">
        <v>265</v>
      </c>
    </row>
    <row r="2300" spans="1:25" x14ac:dyDescent="0.2">
      <c r="B2300" s="4"/>
      <c r="C2300" s="4" t="s">
        <v>51</v>
      </c>
    </row>
    <row r="2302" spans="1:25" x14ac:dyDescent="0.2">
      <c r="A2302" s="26" t="s">
        <v>25</v>
      </c>
      <c r="B2302" t="s">
        <v>35</v>
      </c>
      <c r="C2302" t="s">
        <v>35</v>
      </c>
    </row>
    <row r="2303" spans="1:25" x14ac:dyDescent="0.2">
      <c r="B2303" s="70" t="s">
        <v>266</v>
      </c>
      <c r="C2303" s="71"/>
      <c r="D2303" s="71"/>
      <c r="E2303" s="71"/>
      <c r="F2303" s="71"/>
      <c r="G2303" s="71"/>
      <c r="H2303" s="71"/>
      <c r="I2303" s="71"/>
      <c r="J2303" s="71"/>
      <c r="K2303" s="71"/>
      <c r="L2303" s="71"/>
      <c r="M2303" s="71"/>
      <c r="N2303" s="71"/>
      <c r="O2303" s="71"/>
      <c r="P2303" s="71"/>
      <c r="Q2303" s="71"/>
      <c r="R2303" s="71"/>
      <c r="S2303" s="71"/>
      <c r="T2303" s="71"/>
      <c r="U2303" s="71"/>
      <c r="V2303" s="71"/>
      <c r="W2303" s="71"/>
      <c r="X2303" s="71"/>
      <c r="Y2303" s="71"/>
    </row>
    <row r="2304" spans="1:25" s="32" customFormat="1" ht="36.450000000000003" customHeight="1" x14ac:dyDescent="0.15">
      <c r="A2304" s="31"/>
      <c r="D2304" s="33" t="s">
        <v>341</v>
      </c>
      <c r="E2304" s="36" t="s">
        <v>668</v>
      </c>
      <c r="F2304" s="51" t="s">
        <v>488</v>
      </c>
      <c r="G2304" s="51" t="s">
        <v>669</v>
      </c>
      <c r="H2304" s="37" t="s">
        <v>443</v>
      </c>
      <c r="I2304" s="35" t="s">
        <v>344</v>
      </c>
    </row>
    <row r="2305" spans="1:25" x14ac:dyDescent="0.2">
      <c r="B2305" s="5"/>
      <c r="C2305" s="40" t="s">
        <v>38</v>
      </c>
      <c r="D2305" s="41">
        <v>4307</v>
      </c>
      <c r="E2305" s="42">
        <v>16.5</v>
      </c>
      <c r="F2305" s="42">
        <v>61.7</v>
      </c>
      <c r="G2305" s="42">
        <v>9.4</v>
      </c>
      <c r="H2305" s="43">
        <v>12.5</v>
      </c>
    </row>
    <row r="2306" spans="1:25" x14ac:dyDescent="0.2">
      <c r="B2306" s="72" t="s">
        <v>37</v>
      </c>
      <c r="C2306" s="38" t="s">
        <v>39</v>
      </c>
      <c r="D2306" s="44">
        <v>1325</v>
      </c>
      <c r="E2306" s="45">
        <v>15.8</v>
      </c>
      <c r="F2306" s="45">
        <v>62.3</v>
      </c>
      <c r="G2306" s="45">
        <v>9</v>
      </c>
      <c r="H2306" s="46">
        <v>12.9</v>
      </c>
    </row>
    <row r="2307" spans="1:25" x14ac:dyDescent="0.2">
      <c r="B2307" s="72"/>
      <c r="C2307" s="38" t="s">
        <v>40</v>
      </c>
      <c r="D2307" s="44">
        <v>675</v>
      </c>
      <c r="E2307" s="45">
        <v>15</v>
      </c>
      <c r="F2307" s="45">
        <v>62.5</v>
      </c>
      <c r="G2307" s="45">
        <v>10.4</v>
      </c>
      <c r="H2307" s="46">
        <v>12.1</v>
      </c>
    </row>
    <row r="2308" spans="1:25" x14ac:dyDescent="0.2">
      <c r="B2308" s="72"/>
      <c r="C2308" s="38" t="s">
        <v>41</v>
      </c>
      <c r="D2308" s="44">
        <v>168</v>
      </c>
      <c r="E2308" s="45">
        <v>19</v>
      </c>
      <c r="F2308" s="45">
        <v>61.9</v>
      </c>
      <c r="G2308" s="45">
        <v>9.5</v>
      </c>
      <c r="H2308" s="46">
        <v>9.5</v>
      </c>
    </row>
    <row r="2309" spans="1:25" x14ac:dyDescent="0.2">
      <c r="B2309" s="72"/>
      <c r="C2309" s="38" t="s">
        <v>42</v>
      </c>
      <c r="D2309" s="44">
        <v>290</v>
      </c>
      <c r="E2309" s="45">
        <v>17.899999999999999</v>
      </c>
      <c r="F2309" s="45">
        <v>60.3</v>
      </c>
      <c r="G2309" s="45">
        <v>8.3000000000000007</v>
      </c>
      <c r="H2309" s="46">
        <v>13.4</v>
      </c>
    </row>
    <row r="2310" spans="1:25" x14ac:dyDescent="0.2">
      <c r="B2310" s="72"/>
      <c r="C2310" s="38" t="s">
        <v>43</v>
      </c>
      <c r="D2310" s="44">
        <v>231</v>
      </c>
      <c r="E2310" s="45">
        <v>14.3</v>
      </c>
      <c r="F2310" s="45">
        <v>67.099999999999994</v>
      </c>
      <c r="G2310" s="45">
        <v>5.6</v>
      </c>
      <c r="H2310" s="46">
        <v>13</v>
      </c>
    </row>
    <row r="2311" spans="1:25" x14ac:dyDescent="0.2">
      <c r="B2311" s="72"/>
      <c r="C2311" s="38" t="s">
        <v>44</v>
      </c>
      <c r="D2311" s="44">
        <v>800</v>
      </c>
      <c r="E2311" s="45">
        <v>16.3</v>
      </c>
      <c r="F2311" s="45">
        <v>61.6</v>
      </c>
      <c r="G2311" s="45">
        <v>9.4</v>
      </c>
      <c r="H2311" s="46">
        <v>12.8</v>
      </c>
    </row>
    <row r="2312" spans="1:25" x14ac:dyDescent="0.2">
      <c r="B2312" s="72"/>
      <c r="C2312" s="38" t="s">
        <v>45</v>
      </c>
      <c r="D2312" s="44">
        <v>240</v>
      </c>
      <c r="E2312" s="45">
        <v>18.8</v>
      </c>
      <c r="F2312" s="45">
        <v>61.3</v>
      </c>
      <c r="G2312" s="45">
        <v>10.8</v>
      </c>
      <c r="H2312" s="46">
        <v>9.1999999999999993</v>
      </c>
    </row>
    <row r="2313" spans="1:25" x14ac:dyDescent="0.2">
      <c r="B2313" s="72"/>
      <c r="C2313" s="38" t="s">
        <v>46</v>
      </c>
      <c r="D2313" s="44">
        <v>117</v>
      </c>
      <c r="E2313" s="45">
        <v>16.2</v>
      </c>
      <c r="F2313" s="45">
        <v>63.2</v>
      </c>
      <c r="G2313" s="45">
        <v>11.1</v>
      </c>
      <c r="H2313" s="46">
        <v>9.4</v>
      </c>
    </row>
    <row r="2314" spans="1:25" x14ac:dyDescent="0.2">
      <c r="B2314" s="72"/>
      <c r="C2314" s="38" t="s">
        <v>47</v>
      </c>
      <c r="D2314" s="44">
        <v>461</v>
      </c>
      <c r="E2314" s="45">
        <v>18.899999999999999</v>
      </c>
      <c r="F2314" s="45">
        <v>56.6</v>
      </c>
      <c r="G2314" s="45">
        <v>10.6</v>
      </c>
      <c r="H2314" s="46">
        <v>13.9</v>
      </c>
    </row>
    <row r="2315" spans="1:25" ht="21.6" x14ac:dyDescent="0.2">
      <c r="B2315" s="72"/>
      <c r="C2315" s="39" t="s">
        <v>48</v>
      </c>
      <c r="D2315" s="47">
        <v>2307</v>
      </c>
      <c r="E2315" s="48">
        <v>17.3</v>
      </c>
      <c r="F2315" s="48">
        <v>61.1</v>
      </c>
      <c r="G2315" s="48">
        <v>9.4</v>
      </c>
      <c r="H2315" s="49">
        <v>12.3</v>
      </c>
    </row>
    <row r="2316" spans="1:25" x14ac:dyDescent="0.2">
      <c r="B2316" s="7" t="s">
        <v>49</v>
      </c>
      <c r="C2316" s="4" t="s">
        <v>267</v>
      </c>
    </row>
    <row r="2317" spans="1:25" x14ac:dyDescent="0.2">
      <c r="B2317" s="4"/>
      <c r="C2317" s="4" t="s">
        <v>51</v>
      </c>
    </row>
    <row r="2319" spans="1:25" x14ac:dyDescent="0.2">
      <c r="A2319" s="26" t="s">
        <v>25</v>
      </c>
      <c r="B2319" t="s">
        <v>35</v>
      </c>
      <c r="C2319" t="s">
        <v>35</v>
      </c>
    </row>
    <row r="2320" spans="1:25" x14ac:dyDescent="0.2">
      <c r="B2320" s="70" t="s">
        <v>268</v>
      </c>
      <c r="C2320" s="71"/>
      <c r="D2320" s="71"/>
      <c r="E2320" s="71"/>
      <c r="F2320" s="71"/>
      <c r="G2320" s="71"/>
      <c r="H2320" s="71"/>
      <c r="I2320" s="71"/>
      <c r="J2320" s="71"/>
      <c r="K2320" s="71"/>
      <c r="L2320" s="71"/>
      <c r="M2320" s="71"/>
      <c r="N2320" s="71"/>
      <c r="O2320" s="71"/>
      <c r="P2320" s="71"/>
      <c r="Q2320" s="71"/>
      <c r="R2320" s="71"/>
      <c r="S2320" s="71"/>
      <c r="T2320" s="71"/>
      <c r="U2320" s="71"/>
      <c r="V2320" s="71"/>
      <c r="W2320" s="71"/>
      <c r="X2320" s="71"/>
      <c r="Y2320" s="71"/>
    </row>
    <row r="2321" spans="1:11" s="32" customFormat="1" ht="36.450000000000003" customHeight="1" x14ac:dyDescent="0.15">
      <c r="A2321" s="31"/>
      <c r="D2321" s="33" t="s">
        <v>341</v>
      </c>
      <c r="E2321" s="36" t="s">
        <v>668</v>
      </c>
      <c r="F2321" s="51" t="s">
        <v>670</v>
      </c>
      <c r="G2321" s="51" t="s">
        <v>488</v>
      </c>
      <c r="H2321" s="51" t="s">
        <v>669</v>
      </c>
      <c r="I2321" s="51" t="s">
        <v>671</v>
      </c>
      <c r="J2321" s="37" t="s">
        <v>443</v>
      </c>
      <c r="K2321" s="35" t="s">
        <v>344</v>
      </c>
    </row>
    <row r="2322" spans="1:11" x14ac:dyDescent="0.2">
      <c r="B2322" s="5"/>
      <c r="C2322" s="40" t="s">
        <v>38</v>
      </c>
      <c r="D2322" s="41">
        <v>4307</v>
      </c>
      <c r="E2322" s="42">
        <v>3.5</v>
      </c>
      <c r="F2322" s="42">
        <v>3.3</v>
      </c>
      <c r="G2322" s="42">
        <v>67.400000000000006</v>
      </c>
      <c r="H2322" s="42">
        <v>7.2</v>
      </c>
      <c r="I2322" s="42">
        <v>8</v>
      </c>
      <c r="J2322" s="43">
        <v>10.6</v>
      </c>
    </row>
    <row r="2323" spans="1:11" x14ac:dyDescent="0.2">
      <c r="B2323" s="72" t="s">
        <v>37</v>
      </c>
      <c r="C2323" s="38" t="s">
        <v>39</v>
      </c>
      <c r="D2323" s="44">
        <v>1325</v>
      </c>
      <c r="E2323" s="45">
        <v>3.1</v>
      </c>
      <c r="F2323" s="45">
        <v>3.5</v>
      </c>
      <c r="G2323" s="45">
        <v>66.599999999999994</v>
      </c>
      <c r="H2323" s="45">
        <v>7.8</v>
      </c>
      <c r="I2323" s="45">
        <v>7.9</v>
      </c>
      <c r="J2323" s="46">
        <v>11</v>
      </c>
    </row>
    <row r="2324" spans="1:11" x14ac:dyDescent="0.2">
      <c r="B2324" s="72"/>
      <c r="C2324" s="38" t="s">
        <v>40</v>
      </c>
      <c r="D2324" s="44">
        <v>675</v>
      </c>
      <c r="E2324" s="45">
        <v>3.6</v>
      </c>
      <c r="F2324" s="45">
        <v>3.3</v>
      </c>
      <c r="G2324" s="45">
        <v>65</v>
      </c>
      <c r="H2324" s="45">
        <v>7.6</v>
      </c>
      <c r="I2324" s="45">
        <v>9.3000000000000007</v>
      </c>
      <c r="J2324" s="46">
        <v>11.3</v>
      </c>
    </row>
    <row r="2325" spans="1:11" x14ac:dyDescent="0.2">
      <c r="B2325" s="72"/>
      <c r="C2325" s="38" t="s">
        <v>41</v>
      </c>
      <c r="D2325" s="44">
        <v>168</v>
      </c>
      <c r="E2325" s="45">
        <v>4.2</v>
      </c>
      <c r="F2325" s="45">
        <v>1.2</v>
      </c>
      <c r="G2325" s="45">
        <v>70.8</v>
      </c>
      <c r="H2325" s="45">
        <v>7.7</v>
      </c>
      <c r="I2325" s="45">
        <v>6</v>
      </c>
      <c r="J2325" s="46">
        <v>10.1</v>
      </c>
    </row>
    <row r="2326" spans="1:11" x14ac:dyDescent="0.2">
      <c r="B2326" s="72"/>
      <c r="C2326" s="38" t="s">
        <v>42</v>
      </c>
      <c r="D2326" s="44">
        <v>290</v>
      </c>
      <c r="E2326" s="45">
        <v>3.8</v>
      </c>
      <c r="F2326" s="45">
        <v>4.0999999999999996</v>
      </c>
      <c r="G2326" s="45">
        <v>68.599999999999994</v>
      </c>
      <c r="H2326" s="45">
        <v>4.0999999999999996</v>
      </c>
      <c r="I2326" s="45">
        <v>7.2</v>
      </c>
      <c r="J2326" s="46">
        <v>12.1</v>
      </c>
    </row>
    <row r="2327" spans="1:11" x14ac:dyDescent="0.2">
      <c r="B2327" s="72"/>
      <c r="C2327" s="38" t="s">
        <v>43</v>
      </c>
      <c r="D2327" s="44">
        <v>231</v>
      </c>
      <c r="E2327" s="45">
        <v>1.7</v>
      </c>
      <c r="F2327" s="45">
        <v>3</v>
      </c>
      <c r="G2327" s="45">
        <v>69.3</v>
      </c>
      <c r="H2327" s="45">
        <v>6.9</v>
      </c>
      <c r="I2327" s="45">
        <v>8.1999999999999993</v>
      </c>
      <c r="J2327" s="46">
        <v>10.8</v>
      </c>
    </row>
    <row r="2328" spans="1:11" x14ac:dyDescent="0.2">
      <c r="B2328" s="72"/>
      <c r="C2328" s="38" t="s">
        <v>44</v>
      </c>
      <c r="D2328" s="44">
        <v>800</v>
      </c>
      <c r="E2328" s="45">
        <v>4.4000000000000004</v>
      </c>
      <c r="F2328" s="45">
        <v>2.5</v>
      </c>
      <c r="G2328" s="45">
        <v>69.599999999999994</v>
      </c>
      <c r="H2328" s="45">
        <v>7.1</v>
      </c>
      <c r="I2328" s="45">
        <v>7.3</v>
      </c>
      <c r="J2328" s="46">
        <v>9.1</v>
      </c>
    </row>
    <row r="2329" spans="1:11" x14ac:dyDescent="0.2">
      <c r="B2329" s="72"/>
      <c r="C2329" s="38" t="s">
        <v>45</v>
      </c>
      <c r="D2329" s="44">
        <v>240</v>
      </c>
      <c r="E2329" s="45">
        <v>3.3</v>
      </c>
      <c r="F2329" s="45">
        <v>4.2</v>
      </c>
      <c r="G2329" s="45">
        <v>72.5</v>
      </c>
      <c r="H2329" s="45">
        <v>4.2</v>
      </c>
      <c r="I2329" s="45">
        <v>7.9</v>
      </c>
      <c r="J2329" s="46">
        <v>7.9</v>
      </c>
    </row>
    <row r="2330" spans="1:11" x14ac:dyDescent="0.2">
      <c r="B2330" s="72"/>
      <c r="C2330" s="38" t="s">
        <v>46</v>
      </c>
      <c r="D2330" s="44">
        <v>117</v>
      </c>
      <c r="E2330" s="45">
        <v>1.7</v>
      </c>
      <c r="F2330" s="45">
        <v>3.4</v>
      </c>
      <c r="G2330" s="45">
        <v>78.599999999999994</v>
      </c>
      <c r="H2330" s="45">
        <v>4.3</v>
      </c>
      <c r="I2330" s="45">
        <v>6.8</v>
      </c>
      <c r="J2330" s="46">
        <v>5.0999999999999996</v>
      </c>
    </row>
    <row r="2331" spans="1:11" x14ac:dyDescent="0.2">
      <c r="B2331" s="72"/>
      <c r="C2331" s="38" t="s">
        <v>47</v>
      </c>
      <c r="D2331" s="44">
        <v>461</v>
      </c>
      <c r="E2331" s="45">
        <v>3.7</v>
      </c>
      <c r="F2331" s="45">
        <v>4.0999999999999996</v>
      </c>
      <c r="G2331" s="45">
        <v>61.2</v>
      </c>
      <c r="H2331" s="45">
        <v>8.6999999999999993</v>
      </c>
      <c r="I2331" s="45">
        <v>9.3000000000000007</v>
      </c>
      <c r="J2331" s="46">
        <v>13</v>
      </c>
    </row>
    <row r="2332" spans="1:11" ht="21.6" x14ac:dyDescent="0.2">
      <c r="B2332" s="72"/>
      <c r="C2332" s="39" t="s">
        <v>48</v>
      </c>
      <c r="D2332" s="47">
        <v>2307</v>
      </c>
      <c r="E2332" s="48">
        <v>3.6</v>
      </c>
      <c r="F2332" s="48">
        <v>3.2</v>
      </c>
      <c r="G2332" s="48">
        <v>68.599999999999994</v>
      </c>
      <c r="H2332" s="48">
        <v>6.6</v>
      </c>
      <c r="I2332" s="48">
        <v>7.7</v>
      </c>
      <c r="J2332" s="49">
        <v>10.199999999999999</v>
      </c>
    </row>
    <row r="2333" spans="1:11" x14ac:dyDescent="0.2">
      <c r="B2333" s="7" t="s">
        <v>49</v>
      </c>
      <c r="C2333" s="4" t="s">
        <v>269</v>
      </c>
    </row>
    <row r="2334" spans="1:11" x14ac:dyDescent="0.2">
      <c r="B2334" s="4"/>
      <c r="C2334" s="4" t="s">
        <v>51</v>
      </c>
    </row>
    <row r="2336" spans="1:11" x14ac:dyDescent="0.2">
      <c r="A2336" s="26" t="s">
        <v>25</v>
      </c>
      <c r="B2336" t="s">
        <v>35</v>
      </c>
      <c r="C2336" t="s">
        <v>35</v>
      </c>
    </row>
    <row r="2337" spans="1:25" x14ac:dyDescent="0.2">
      <c r="B2337" s="70" t="s">
        <v>270</v>
      </c>
      <c r="C2337" s="71"/>
      <c r="D2337" s="71"/>
      <c r="E2337" s="71"/>
      <c r="F2337" s="71"/>
      <c r="G2337" s="71"/>
      <c r="H2337" s="71"/>
      <c r="I2337" s="71"/>
      <c r="J2337" s="71"/>
      <c r="K2337" s="71"/>
      <c r="L2337" s="71"/>
      <c r="M2337" s="71"/>
      <c r="N2337" s="71"/>
      <c r="O2337" s="71"/>
      <c r="P2337" s="71"/>
      <c r="Q2337" s="71"/>
      <c r="R2337" s="71"/>
      <c r="S2337" s="71"/>
      <c r="T2337" s="71"/>
      <c r="U2337" s="71"/>
      <c r="V2337" s="71"/>
      <c r="W2337" s="71"/>
      <c r="X2337" s="71"/>
      <c r="Y2337" s="71"/>
    </row>
    <row r="2338" spans="1:25" s="32" customFormat="1" ht="36.450000000000003" customHeight="1" x14ac:dyDescent="0.15">
      <c r="A2338" s="31"/>
      <c r="D2338" s="33" t="s">
        <v>341</v>
      </c>
      <c r="E2338" s="36" t="s">
        <v>668</v>
      </c>
      <c r="F2338" s="51" t="s">
        <v>670</v>
      </c>
      <c r="G2338" s="51" t="s">
        <v>488</v>
      </c>
      <c r="H2338" s="51" t="s">
        <v>669</v>
      </c>
      <c r="I2338" s="51" t="s">
        <v>671</v>
      </c>
      <c r="J2338" s="37" t="s">
        <v>443</v>
      </c>
      <c r="K2338" s="35" t="s">
        <v>344</v>
      </c>
    </row>
    <row r="2339" spans="1:25" x14ac:dyDescent="0.2">
      <c r="B2339" s="5"/>
      <c r="C2339" s="40" t="s">
        <v>38</v>
      </c>
      <c r="D2339" s="41">
        <v>4307</v>
      </c>
      <c r="E2339" s="42">
        <v>6</v>
      </c>
      <c r="F2339" s="42">
        <v>2.4</v>
      </c>
      <c r="G2339" s="42">
        <v>51.7</v>
      </c>
      <c r="H2339" s="42">
        <v>15.7</v>
      </c>
      <c r="I2339" s="42">
        <v>14.1</v>
      </c>
      <c r="J2339" s="43">
        <v>10.1</v>
      </c>
    </row>
    <row r="2340" spans="1:25" x14ac:dyDescent="0.2">
      <c r="B2340" s="72" t="s">
        <v>37</v>
      </c>
      <c r="C2340" s="38" t="s">
        <v>39</v>
      </c>
      <c r="D2340" s="44">
        <v>1325</v>
      </c>
      <c r="E2340" s="45">
        <v>6.3</v>
      </c>
      <c r="F2340" s="45">
        <v>2.8</v>
      </c>
      <c r="G2340" s="45">
        <v>52.2</v>
      </c>
      <c r="H2340" s="45">
        <v>14.4</v>
      </c>
      <c r="I2340" s="45">
        <v>13.4</v>
      </c>
      <c r="J2340" s="46">
        <v>10.9</v>
      </c>
    </row>
    <row r="2341" spans="1:25" x14ac:dyDescent="0.2">
      <c r="B2341" s="72"/>
      <c r="C2341" s="38" t="s">
        <v>40</v>
      </c>
      <c r="D2341" s="44">
        <v>675</v>
      </c>
      <c r="E2341" s="45">
        <v>4.3</v>
      </c>
      <c r="F2341" s="45">
        <v>2.2000000000000002</v>
      </c>
      <c r="G2341" s="45">
        <v>51.9</v>
      </c>
      <c r="H2341" s="45">
        <v>15.6</v>
      </c>
      <c r="I2341" s="45">
        <v>15.7</v>
      </c>
      <c r="J2341" s="46">
        <v>10.4</v>
      </c>
    </row>
    <row r="2342" spans="1:25" x14ac:dyDescent="0.2">
      <c r="B2342" s="72"/>
      <c r="C2342" s="38" t="s">
        <v>41</v>
      </c>
      <c r="D2342" s="44">
        <v>168</v>
      </c>
      <c r="E2342" s="45">
        <v>6</v>
      </c>
      <c r="F2342" s="45">
        <v>1.2</v>
      </c>
      <c r="G2342" s="45">
        <v>47.6</v>
      </c>
      <c r="H2342" s="45">
        <v>17.899999999999999</v>
      </c>
      <c r="I2342" s="45">
        <v>17.3</v>
      </c>
      <c r="J2342" s="46">
        <v>10.1</v>
      </c>
    </row>
    <row r="2343" spans="1:25" x14ac:dyDescent="0.2">
      <c r="B2343" s="72"/>
      <c r="C2343" s="38" t="s">
        <v>42</v>
      </c>
      <c r="D2343" s="44">
        <v>290</v>
      </c>
      <c r="E2343" s="45">
        <v>6.9</v>
      </c>
      <c r="F2343" s="45">
        <v>1.7</v>
      </c>
      <c r="G2343" s="45">
        <v>52.8</v>
      </c>
      <c r="H2343" s="45">
        <v>13.8</v>
      </c>
      <c r="I2343" s="45">
        <v>13.4</v>
      </c>
      <c r="J2343" s="46">
        <v>11.4</v>
      </c>
    </row>
    <row r="2344" spans="1:25" x14ac:dyDescent="0.2">
      <c r="B2344" s="72"/>
      <c r="C2344" s="38" t="s">
        <v>43</v>
      </c>
      <c r="D2344" s="44">
        <v>231</v>
      </c>
      <c r="E2344" s="45">
        <v>6.5</v>
      </c>
      <c r="F2344" s="45">
        <v>1.3</v>
      </c>
      <c r="G2344" s="45">
        <v>53.2</v>
      </c>
      <c r="H2344" s="45">
        <v>13.4</v>
      </c>
      <c r="I2344" s="45">
        <v>14.3</v>
      </c>
      <c r="J2344" s="46">
        <v>11.3</v>
      </c>
    </row>
    <row r="2345" spans="1:25" x14ac:dyDescent="0.2">
      <c r="B2345" s="72"/>
      <c r="C2345" s="38" t="s">
        <v>44</v>
      </c>
      <c r="D2345" s="44">
        <v>800</v>
      </c>
      <c r="E2345" s="45">
        <v>5.3</v>
      </c>
      <c r="F2345" s="45">
        <v>2.8</v>
      </c>
      <c r="G2345" s="45">
        <v>52.1</v>
      </c>
      <c r="H2345" s="45">
        <v>17.5</v>
      </c>
      <c r="I2345" s="45">
        <v>13.6</v>
      </c>
      <c r="J2345" s="46">
        <v>8.8000000000000007</v>
      </c>
    </row>
    <row r="2346" spans="1:25" x14ac:dyDescent="0.2">
      <c r="B2346" s="72"/>
      <c r="C2346" s="38" t="s">
        <v>45</v>
      </c>
      <c r="D2346" s="44">
        <v>240</v>
      </c>
      <c r="E2346" s="45">
        <v>6.3</v>
      </c>
      <c r="F2346" s="45">
        <v>2.5</v>
      </c>
      <c r="G2346" s="45">
        <v>52.9</v>
      </c>
      <c r="H2346" s="45">
        <v>17.100000000000001</v>
      </c>
      <c r="I2346" s="45">
        <v>15</v>
      </c>
      <c r="J2346" s="46">
        <v>6.3</v>
      </c>
    </row>
    <row r="2347" spans="1:25" x14ac:dyDescent="0.2">
      <c r="B2347" s="72"/>
      <c r="C2347" s="38" t="s">
        <v>46</v>
      </c>
      <c r="D2347" s="44">
        <v>117</v>
      </c>
      <c r="E2347" s="45">
        <v>8.5</v>
      </c>
      <c r="F2347" s="45">
        <v>0.9</v>
      </c>
      <c r="G2347" s="45">
        <v>57.3</v>
      </c>
      <c r="H2347" s="45">
        <v>17.100000000000001</v>
      </c>
      <c r="I2347" s="45">
        <v>12.8</v>
      </c>
      <c r="J2347" s="46">
        <v>3.4</v>
      </c>
    </row>
    <row r="2348" spans="1:25" x14ac:dyDescent="0.2">
      <c r="B2348" s="72"/>
      <c r="C2348" s="38" t="s">
        <v>47</v>
      </c>
      <c r="D2348" s="44">
        <v>461</v>
      </c>
      <c r="E2348" s="45">
        <v>7.8</v>
      </c>
      <c r="F2348" s="45">
        <v>2.6</v>
      </c>
      <c r="G2348" s="45">
        <v>47.3</v>
      </c>
      <c r="H2348" s="45">
        <v>16.7</v>
      </c>
      <c r="I2348" s="45">
        <v>13.4</v>
      </c>
      <c r="J2348" s="46">
        <v>12.1</v>
      </c>
    </row>
    <row r="2349" spans="1:25" ht="21.6" x14ac:dyDescent="0.2">
      <c r="B2349" s="72"/>
      <c r="C2349" s="39" t="s">
        <v>48</v>
      </c>
      <c r="D2349" s="47">
        <v>2307</v>
      </c>
      <c r="E2349" s="48">
        <v>6.4</v>
      </c>
      <c r="F2349" s="48">
        <v>2.2000000000000002</v>
      </c>
      <c r="G2349" s="48">
        <v>51.4</v>
      </c>
      <c r="H2349" s="48">
        <v>16.399999999999999</v>
      </c>
      <c r="I2349" s="48">
        <v>14</v>
      </c>
      <c r="J2349" s="49">
        <v>9.6</v>
      </c>
    </row>
    <row r="2350" spans="1:25" x14ac:dyDescent="0.2">
      <c r="B2350" s="7" t="s">
        <v>49</v>
      </c>
      <c r="C2350" s="4" t="s">
        <v>271</v>
      </c>
    </row>
    <row r="2351" spans="1:25" x14ac:dyDescent="0.2">
      <c r="B2351" s="4"/>
      <c r="C2351" s="4" t="s">
        <v>51</v>
      </c>
    </row>
    <row r="2353" spans="1:25" x14ac:dyDescent="0.2">
      <c r="A2353" s="26" t="s">
        <v>25</v>
      </c>
      <c r="B2353" t="s">
        <v>35</v>
      </c>
      <c r="C2353" t="s">
        <v>35</v>
      </c>
    </row>
    <row r="2354" spans="1:25" x14ac:dyDescent="0.2">
      <c r="B2354" s="70" t="s">
        <v>272</v>
      </c>
      <c r="C2354" s="71"/>
      <c r="D2354" s="71"/>
      <c r="E2354" s="71"/>
      <c r="F2354" s="71"/>
      <c r="G2354" s="71"/>
      <c r="H2354" s="71"/>
      <c r="I2354" s="71"/>
      <c r="J2354" s="71"/>
      <c r="K2354" s="71"/>
      <c r="L2354" s="71"/>
      <c r="M2354" s="71"/>
      <c r="N2354" s="71"/>
      <c r="O2354" s="71"/>
      <c r="P2354" s="71"/>
      <c r="Q2354" s="71"/>
      <c r="R2354" s="71"/>
      <c r="S2354" s="71"/>
      <c r="T2354" s="71"/>
      <c r="U2354" s="71"/>
      <c r="V2354" s="71"/>
      <c r="W2354" s="71"/>
      <c r="X2354" s="71"/>
      <c r="Y2354" s="71"/>
    </row>
    <row r="2355" spans="1:25" s="32" customFormat="1" ht="36.450000000000003" customHeight="1" x14ac:dyDescent="0.15">
      <c r="A2355" s="31"/>
      <c r="D2355" s="33" t="s">
        <v>341</v>
      </c>
      <c r="E2355" s="36" t="s">
        <v>668</v>
      </c>
      <c r="F2355" s="51" t="s">
        <v>670</v>
      </c>
      <c r="G2355" s="51" t="s">
        <v>488</v>
      </c>
      <c r="H2355" s="51" t="s">
        <v>669</v>
      </c>
      <c r="I2355" s="51" t="s">
        <v>671</v>
      </c>
      <c r="J2355" s="37" t="s">
        <v>443</v>
      </c>
      <c r="K2355" s="35" t="s">
        <v>344</v>
      </c>
    </row>
    <row r="2356" spans="1:25" x14ac:dyDescent="0.2">
      <c r="B2356" s="5"/>
      <c r="C2356" s="40" t="s">
        <v>38</v>
      </c>
      <c r="D2356" s="41">
        <v>4307</v>
      </c>
      <c r="E2356" s="42">
        <v>1.6</v>
      </c>
      <c r="F2356" s="42">
        <v>2.1</v>
      </c>
      <c r="G2356" s="42">
        <v>62.2</v>
      </c>
      <c r="H2356" s="42">
        <v>5.3</v>
      </c>
      <c r="I2356" s="42">
        <v>16.899999999999999</v>
      </c>
      <c r="J2356" s="43">
        <v>11.8</v>
      </c>
    </row>
    <row r="2357" spans="1:25" x14ac:dyDescent="0.2">
      <c r="B2357" s="72" t="s">
        <v>37</v>
      </c>
      <c r="C2357" s="38" t="s">
        <v>39</v>
      </c>
      <c r="D2357" s="44">
        <v>1325</v>
      </c>
      <c r="E2357" s="45">
        <v>1.7</v>
      </c>
      <c r="F2357" s="45">
        <v>2</v>
      </c>
      <c r="G2357" s="45">
        <v>63.9</v>
      </c>
      <c r="H2357" s="45">
        <v>4.9000000000000004</v>
      </c>
      <c r="I2357" s="45">
        <v>15.8</v>
      </c>
      <c r="J2357" s="46">
        <v>11.7</v>
      </c>
    </row>
    <row r="2358" spans="1:25" x14ac:dyDescent="0.2">
      <c r="B2358" s="72"/>
      <c r="C2358" s="38" t="s">
        <v>40</v>
      </c>
      <c r="D2358" s="44">
        <v>675</v>
      </c>
      <c r="E2358" s="45">
        <v>1.5</v>
      </c>
      <c r="F2358" s="45">
        <v>2.8</v>
      </c>
      <c r="G2358" s="45">
        <v>60.3</v>
      </c>
      <c r="H2358" s="45">
        <v>5.2</v>
      </c>
      <c r="I2358" s="45">
        <v>18.7</v>
      </c>
      <c r="J2358" s="46">
        <v>11.6</v>
      </c>
    </row>
    <row r="2359" spans="1:25" x14ac:dyDescent="0.2">
      <c r="B2359" s="72"/>
      <c r="C2359" s="38" t="s">
        <v>41</v>
      </c>
      <c r="D2359" s="44">
        <v>168</v>
      </c>
      <c r="E2359" s="45">
        <v>2.4</v>
      </c>
      <c r="F2359" s="45">
        <v>0.6</v>
      </c>
      <c r="G2359" s="45">
        <v>64.3</v>
      </c>
      <c r="H2359" s="45">
        <v>2.4</v>
      </c>
      <c r="I2359" s="45">
        <v>17.899999999999999</v>
      </c>
      <c r="J2359" s="46">
        <v>12.5</v>
      </c>
    </row>
    <row r="2360" spans="1:25" x14ac:dyDescent="0.2">
      <c r="B2360" s="72"/>
      <c r="C2360" s="38" t="s">
        <v>42</v>
      </c>
      <c r="D2360" s="44">
        <v>290</v>
      </c>
      <c r="E2360" s="45">
        <v>1.7</v>
      </c>
      <c r="F2360" s="45">
        <v>1</v>
      </c>
      <c r="G2360" s="45">
        <v>64.5</v>
      </c>
      <c r="H2360" s="45">
        <v>5.2</v>
      </c>
      <c r="I2360" s="45">
        <v>15.5</v>
      </c>
      <c r="J2360" s="46">
        <v>12.1</v>
      </c>
    </row>
    <row r="2361" spans="1:25" x14ac:dyDescent="0.2">
      <c r="B2361" s="72"/>
      <c r="C2361" s="38" t="s">
        <v>43</v>
      </c>
      <c r="D2361" s="44">
        <v>231</v>
      </c>
      <c r="E2361" s="45">
        <v>1.3</v>
      </c>
      <c r="F2361" s="45">
        <v>0.9</v>
      </c>
      <c r="G2361" s="45">
        <v>58.9</v>
      </c>
      <c r="H2361" s="45">
        <v>7.4</v>
      </c>
      <c r="I2361" s="45">
        <v>18.600000000000001</v>
      </c>
      <c r="J2361" s="46">
        <v>13</v>
      </c>
    </row>
    <row r="2362" spans="1:25" x14ac:dyDescent="0.2">
      <c r="B2362" s="72"/>
      <c r="C2362" s="38" t="s">
        <v>44</v>
      </c>
      <c r="D2362" s="44">
        <v>800</v>
      </c>
      <c r="E2362" s="45">
        <v>1.6</v>
      </c>
      <c r="F2362" s="45">
        <v>2.2999999999999998</v>
      </c>
      <c r="G2362" s="45">
        <v>63.6</v>
      </c>
      <c r="H2362" s="45">
        <v>6</v>
      </c>
      <c r="I2362" s="45">
        <v>15.3</v>
      </c>
      <c r="J2362" s="46">
        <v>11.3</v>
      </c>
    </row>
    <row r="2363" spans="1:25" x14ac:dyDescent="0.2">
      <c r="B2363" s="72"/>
      <c r="C2363" s="38" t="s">
        <v>45</v>
      </c>
      <c r="D2363" s="44">
        <v>240</v>
      </c>
      <c r="E2363" s="45">
        <v>0.8</v>
      </c>
      <c r="F2363" s="45">
        <v>2.9</v>
      </c>
      <c r="G2363" s="45">
        <v>64.2</v>
      </c>
      <c r="H2363" s="45">
        <v>4.2</v>
      </c>
      <c r="I2363" s="45">
        <v>18.8</v>
      </c>
      <c r="J2363" s="46">
        <v>9.1999999999999993</v>
      </c>
    </row>
    <row r="2364" spans="1:25" x14ac:dyDescent="0.2">
      <c r="B2364" s="72"/>
      <c r="C2364" s="38" t="s">
        <v>46</v>
      </c>
      <c r="D2364" s="44">
        <v>117</v>
      </c>
      <c r="E2364" s="45">
        <v>0</v>
      </c>
      <c r="F2364" s="45">
        <v>0</v>
      </c>
      <c r="G2364" s="45">
        <v>69.2</v>
      </c>
      <c r="H2364" s="45">
        <v>4.3</v>
      </c>
      <c r="I2364" s="45">
        <v>17.899999999999999</v>
      </c>
      <c r="J2364" s="46">
        <v>8.5</v>
      </c>
    </row>
    <row r="2365" spans="1:25" x14ac:dyDescent="0.2">
      <c r="B2365" s="72"/>
      <c r="C2365" s="38" t="s">
        <v>47</v>
      </c>
      <c r="D2365" s="44">
        <v>461</v>
      </c>
      <c r="E2365" s="45">
        <v>2.6</v>
      </c>
      <c r="F2365" s="45">
        <v>3.3</v>
      </c>
      <c r="G2365" s="45">
        <v>53.8</v>
      </c>
      <c r="H2365" s="45">
        <v>6.5</v>
      </c>
      <c r="I2365" s="45">
        <v>19.3</v>
      </c>
      <c r="J2365" s="46">
        <v>14.5</v>
      </c>
    </row>
    <row r="2366" spans="1:25" ht="21.6" x14ac:dyDescent="0.2">
      <c r="B2366" s="72"/>
      <c r="C2366" s="39" t="s">
        <v>48</v>
      </c>
      <c r="D2366" s="47">
        <v>2307</v>
      </c>
      <c r="E2366" s="48">
        <v>1.7</v>
      </c>
      <c r="F2366" s="48">
        <v>2</v>
      </c>
      <c r="G2366" s="48">
        <v>61.7</v>
      </c>
      <c r="H2366" s="48">
        <v>5.6</v>
      </c>
      <c r="I2366" s="48">
        <v>17.100000000000001</v>
      </c>
      <c r="J2366" s="49">
        <v>11.9</v>
      </c>
    </row>
    <row r="2367" spans="1:25" x14ac:dyDescent="0.2">
      <c r="B2367" s="7" t="s">
        <v>49</v>
      </c>
      <c r="C2367" s="4" t="s">
        <v>273</v>
      </c>
    </row>
    <row r="2368" spans="1:25" x14ac:dyDescent="0.2">
      <c r="B2368" s="4"/>
      <c r="C2368" s="4" t="s">
        <v>51</v>
      </c>
    </row>
    <row r="2370" spans="1:25" x14ac:dyDescent="0.2">
      <c r="A2370" s="26" t="s">
        <v>25</v>
      </c>
      <c r="B2370" t="s">
        <v>35</v>
      </c>
      <c r="C2370" t="s">
        <v>35</v>
      </c>
    </row>
    <row r="2371" spans="1:25" x14ac:dyDescent="0.2">
      <c r="B2371" s="70" t="s">
        <v>274</v>
      </c>
      <c r="C2371" s="71"/>
      <c r="D2371" s="71"/>
      <c r="E2371" s="71"/>
      <c r="F2371" s="71"/>
      <c r="G2371" s="71"/>
      <c r="H2371" s="71"/>
      <c r="I2371" s="71"/>
      <c r="J2371" s="71"/>
      <c r="K2371" s="71"/>
      <c r="L2371" s="71"/>
      <c r="M2371" s="71"/>
      <c r="N2371" s="71"/>
      <c r="O2371" s="71"/>
      <c r="P2371" s="71"/>
      <c r="Q2371" s="71"/>
      <c r="R2371" s="71"/>
      <c r="S2371" s="71"/>
      <c r="T2371" s="71"/>
      <c r="U2371" s="71"/>
      <c r="V2371" s="71"/>
      <c r="W2371" s="71"/>
      <c r="X2371" s="71"/>
      <c r="Y2371" s="71"/>
    </row>
    <row r="2372" spans="1:25" s="32" customFormat="1" ht="36.450000000000003" customHeight="1" x14ac:dyDescent="0.15">
      <c r="A2372" s="31"/>
      <c r="D2372" s="33" t="s">
        <v>341</v>
      </c>
      <c r="E2372" s="36" t="s">
        <v>668</v>
      </c>
      <c r="F2372" s="51" t="s">
        <v>670</v>
      </c>
      <c r="G2372" s="51" t="s">
        <v>488</v>
      </c>
      <c r="H2372" s="51" t="s">
        <v>669</v>
      </c>
      <c r="I2372" s="51" t="s">
        <v>671</v>
      </c>
      <c r="J2372" s="37" t="s">
        <v>443</v>
      </c>
      <c r="K2372" s="35" t="s">
        <v>344</v>
      </c>
    </row>
    <row r="2373" spans="1:25" x14ac:dyDescent="0.2">
      <c r="B2373" s="5"/>
      <c r="C2373" s="40" t="s">
        <v>38</v>
      </c>
      <c r="D2373" s="41">
        <v>4307</v>
      </c>
      <c r="E2373" s="42">
        <v>1</v>
      </c>
      <c r="F2373" s="42">
        <v>2</v>
      </c>
      <c r="G2373" s="42">
        <v>65.900000000000006</v>
      </c>
      <c r="H2373" s="42">
        <v>3.9</v>
      </c>
      <c r="I2373" s="42">
        <v>13.2</v>
      </c>
      <c r="J2373" s="43">
        <v>14</v>
      </c>
    </row>
    <row r="2374" spans="1:25" x14ac:dyDescent="0.2">
      <c r="B2374" s="72" t="s">
        <v>37</v>
      </c>
      <c r="C2374" s="38" t="s">
        <v>39</v>
      </c>
      <c r="D2374" s="44">
        <v>1325</v>
      </c>
      <c r="E2374" s="45">
        <v>1</v>
      </c>
      <c r="F2374" s="45">
        <v>1.5</v>
      </c>
      <c r="G2374" s="45">
        <v>68.2</v>
      </c>
      <c r="H2374" s="45">
        <v>4.2</v>
      </c>
      <c r="I2374" s="45">
        <v>11.9</v>
      </c>
      <c r="J2374" s="46">
        <v>13.2</v>
      </c>
    </row>
    <row r="2375" spans="1:25" x14ac:dyDescent="0.2">
      <c r="B2375" s="72"/>
      <c r="C2375" s="38" t="s">
        <v>40</v>
      </c>
      <c r="D2375" s="44">
        <v>675</v>
      </c>
      <c r="E2375" s="45">
        <v>0.6</v>
      </c>
      <c r="F2375" s="45">
        <v>1.6</v>
      </c>
      <c r="G2375" s="45">
        <v>65.599999999999994</v>
      </c>
      <c r="H2375" s="45">
        <v>2.7</v>
      </c>
      <c r="I2375" s="45">
        <v>14.1</v>
      </c>
      <c r="J2375" s="46">
        <v>15.4</v>
      </c>
    </row>
    <row r="2376" spans="1:25" x14ac:dyDescent="0.2">
      <c r="B2376" s="72"/>
      <c r="C2376" s="38" t="s">
        <v>41</v>
      </c>
      <c r="D2376" s="44">
        <v>168</v>
      </c>
      <c r="E2376" s="45">
        <v>0.6</v>
      </c>
      <c r="F2376" s="45">
        <v>0.6</v>
      </c>
      <c r="G2376" s="45">
        <v>63.7</v>
      </c>
      <c r="H2376" s="45">
        <v>2.4</v>
      </c>
      <c r="I2376" s="45">
        <v>17.899999999999999</v>
      </c>
      <c r="J2376" s="46">
        <v>14.9</v>
      </c>
    </row>
    <row r="2377" spans="1:25" x14ac:dyDescent="0.2">
      <c r="B2377" s="72"/>
      <c r="C2377" s="38" t="s">
        <v>42</v>
      </c>
      <c r="D2377" s="44">
        <v>290</v>
      </c>
      <c r="E2377" s="45">
        <v>2.1</v>
      </c>
      <c r="F2377" s="45">
        <v>1.7</v>
      </c>
      <c r="G2377" s="45">
        <v>65.900000000000006</v>
      </c>
      <c r="H2377" s="45">
        <v>4.0999999999999996</v>
      </c>
      <c r="I2377" s="45">
        <v>11</v>
      </c>
      <c r="J2377" s="46">
        <v>15.2</v>
      </c>
    </row>
    <row r="2378" spans="1:25" x14ac:dyDescent="0.2">
      <c r="B2378" s="72"/>
      <c r="C2378" s="38" t="s">
        <v>43</v>
      </c>
      <c r="D2378" s="44">
        <v>231</v>
      </c>
      <c r="E2378" s="45">
        <v>0.9</v>
      </c>
      <c r="F2378" s="45">
        <v>0.9</v>
      </c>
      <c r="G2378" s="45">
        <v>63.6</v>
      </c>
      <c r="H2378" s="45">
        <v>3.9</v>
      </c>
      <c r="I2378" s="45">
        <v>14.3</v>
      </c>
      <c r="J2378" s="46">
        <v>16.5</v>
      </c>
    </row>
    <row r="2379" spans="1:25" x14ac:dyDescent="0.2">
      <c r="B2379" s="72"/>
      <c r="C2379" s="38" t="s">
        <v>44</v>
      </c>
      <c r="D2379" s="44">
        <v>800</v>
      </c>
      <c r="E2379" s="45">
        <v>1.4</v>
      </c>
      <c r="F2379" s="45">
        <v>2</v>
      </c>
      <c r="G2379" s="45">
        <v>66.5</v>
      </c>
      <c r="H2379" s="45">
        <v>4.5</v>
      </c>
      <c r="I2379" s="45">
        <v>12.3</v>
      </c>
      <c r="J2379" s="46">
        <v>13.4</v>
      </c>
    </row>
    <row r="2380" spans="1:25" x14ac:dyDescent="0.2">
      <c r="B2380" s="72"/>
      <c r="C2380" s="38" t="s">
        <v>45</v>
      </c>
      <c r="D2380" s="44">
        <v>240</v>
      </c>
      <c r="E2380" s="45">
        <v>0</v>
      </c>
      <c r="F2380" s="45">
        <v>3.3</v>
      </c>
      <c r="G2380" s="45">
        <v>69.2</v>
      </c>
      <c r="H2380" s="45">
        <v>2.5</v>
      </c>
      <c r="I2380" s="45">
        <v>15.8</v>
      </c>
      <c r="J2380" s="46">
        <v>9.1999999999999993</v>
      </c>
    </row>
    <row r="2381" spans="1:25" x14ac:dyDescent="0.2">
      <c r="B2381" s="72"/>
      <c r="C2381" s="38" t="s">
        <v>46</v>
      </c>
      <c r="D2381" s="44">
        <v>117</v>
      </c>
      <c r="E2381" s="45">
        <v>0</v>
      </c>
      <c r="F2381" s="45">
        <v>1.7</v>
      </c>
      <c r="G2381" s="45">
        <v>70.900000000000006</v>
      </c>
      <c r="H2381" s="45">
        <v>4.3</v>
      </c>
      <c r="I2381" s="45">
        <v>13.7</v>
      </c>
      <c r="J2381" s="46">
        <v>9.4</v>
      </c>
    </row>
    <row r="2382" spans="1:25" x14ac:dyDescent="0.2">
      <c r="B2382" s="72"/>
      <c r="C2382" s="38" t="s">
        <v>47</v>
      </c>
      <c r="D2382" s="44">
        <v>461</v>
      </c>
      <c r="E2382" s="45">
        <v>1.1000000000000001</v>
      </c>
      <c r="F2382" s="45">
        <v>4.0999999999999996</v>
      </c>
      <c r="G2382" s="45">
        <v>58.1</v>
      </c>
      <c r="H2382" s="45">
        <v>5</v>
      </c>
      <c r="I2382" s="45">
        <v>14.5</v>
      </c>
      <c r="J2382" s="46">
        <v>17.100000000000001</v>
      </c>
    </row>
    <row r="2383" spans="1:25" ht="21.6" x14ac:dyDescent="0.2">
      <c r="B2383" s="72"/>
      <c r="C2383" s="39" t="s">
        <v>48</v>
      </c>
      <c r="D2383" s="47">
        <v>2307</v>
      </c>
      <c r="E2383" s="48">
        <v>1.1000000000000001</v>
      </c>
      <c r="F2383" s="48">
        <v>2.2999999999999998</v>
      </c>
      <c r="G2383" s="48">
        <v>64.8</v>
      </c>
      <c r="H2383" s="48">
        <v>4.0999999999999996</v>
      </c>
      <c r="I2383" s="48">
        <v>13.6</v>
      </c>
      <c r="J2383" s="49">
        <v>14.1</v>
      </c>
    </row>
    <row r="2384" spans="1:25" x14ac:dyDescent="0.2">
      <c r="B2384" s="7" t="s">
        <v>49</v>
      </c>
      <c r="C2384" s="4" t="s">
        <v>275</v>
      </c>
    </row>
    <row r="2385" spans="1:25" x14ac:dyDescent="0.2">
      <c r="B2385" s="4"/>
      <c r="C2385" s="4" t="s">
        <v>51</v>
      </c>
    </row>
    <row r="2387" spans="1:25" x14ac:dyDescent="0.2">
      <c r="A2387" s="26" t="s">
        <v>25</v>
      </c>
      <c r="B2387" t="s">
        <v>35</v>
      </c>
      <c r="C2387" t="s">
        <v>35</v>
      </c>
    </row>
    <row r="2388" spans="1:25" x14ac:dyDescent="0.2">
      <c r="B2388" s="70" t="s">
        <v>276</v>
      </c>
      <c r="C2388" s="71"/>
      <c r="D2388" s="71"/>
      <c r="E2388" s="71"/>
      <c r="F2388" s="71"/>
      <c r="G2388" s="71"/>
      <c r="H2388" s="71"/>
      <c r="I2388" s="71"/>
      <c r="J2388" s="71"/>
      <c r="K2388" s="71"/>
      <c r="L2388" s="71"/>
      <c r="M2388" s="71"/>
      <c r="N2388" s="71"/>
      <c r="O2388" s="71"/>
      <c r="P2388" s="71"/>
      <c r="Q2388" s="71"/>
      <c r="R2388" s="71"/>
      <c r="S2388" s="71"/>
      <c r="T2388" s="71"/>
      <c r="U2388" s="71"/>
      <c r="V2388" s="71"/>
      <c r="W2388" s="71"/>
      <c r="X2388" s="71"/>
      <c r="Y2388" s="71"/>
    </row>
    <row r="2389" spans="1:25" s="32" customFormat="1" ht="36.450000000000003" customHeight="1" x14ac:dyDescent="0.15">
      <c r="A2389" s="31"/>
      <c r="D2389" s="33" t="s">
        <v>341</v>
      </c>
      <c r="E2389" s="36" t="s">
        <v>668</v>
      </c>
      <c r="F2389" s="51" t="s">
        <v>670</v>
      </c>
      <c r="G2389" s="51" t="s">
        <v>488</v>
      </c>
      <c r="H2389" s="51" t="s">
        <v>669</v>
      </c>
      <c r="I2389" s="51" t="s">
        <v>671</v>
      </c>
      <c r="J2389" s="37" t="s">
        <v>443</v>
      </c>
      <c r="K2389" s="35" t="s">
        <v>344</v>
      </c>
    </row>
    <row r="2390" spans="1:25" x14ac:dyDescent="0.2">
      <c r="B2390" s="5"/>
      <c r="C2390" s="40" t="s">
        <v>38</v>
      </c>
      <c r="D2390" s="41">
        <v>4307</v>
      </c>
      <c r="E2390" s="42">
        <v>1.9</v>
      </c>
      <c r="F2390" s="42">
        <v>3.2</v>
      </c>
      <c r="G2390" s="42">
        <v>58.1</v>
      </c>
      <c r="H2390" s="42">
        <v>6.3</v>
      </c>
      <c r="I2390" s="42">
        <v>16.8</v>
      </c>
      <c r="J2390" s="43">
        <v>13.7</v>
      </c>
    </row>
    <row r="2391" spans="1:25" x14ac:dyDescent="0.2">
      <c r="B2391" s="72" t="s">
        <v>37</v>
      </c>
      <c r="C2391" s="38" t="s">
        <v>39</v>
      </c>
      <c r="D2391" s="44">
        <v>1325</v>
      </c>
      <c r="E2391" s="45">
        <v>2.2999999999999998</v>
      </c>
      <c r="F2391" s="45">
        <v>2.6</v>
      </c>
      <c r="G2391" s="45">
        <v>60.4</v>
      </c>
      <c r="H2391" s="45">
        <v>5.8</v>
      </c>
      <c r="I2391" s="45">
        <v>15.4</v>
      </c>
      <c r="J2391" s="46">
        <v>13.5</v>
      </c>
    </row>
    <row r="2392" spans="1:25" x14ac:dyDescent="0.2">
      <c r="B2392" s="72"/>
      <c r="C2392" s="38" t="s">
        <v>40</v>
      </c>
      <c r="D2392" s="44">
        <v>675</v>
      </c>
      <c r="E2392" s="45">
        <v>0.7</v>
      </c>
      <c r="F2392" s="45">
        <v>4.7</v>
      </c>
      <c r="G2392" s="45">
        <v>56.1</v>
      </c>
      <c r="H2392" s="45">
        <v>6.2</v>
      </c>
      <c r="I2392" s="45">
        <v>18.7</v>
      </c>
      <c r="J2392" s="46">
        <v>13.5</v>
      </c>
    </row>
    <row r="2393" spans="1:25" x14ac:dyDescent="0.2">
      <c r="B2393" s="72"/>
      <c r="C2393" s="38" t="s">
        <v>41</v>
      </c>
      <c r="D2393" s="44">
        <v>168</v>
      </c>
      <c r="E2393" s="45">
        <v>1.2</v>
      </c>
      <c r="F2393" s="45">
        <v>1.2</v>
      </c>
      <c r="G2393" s="45">
        <v>58.3</v>
      </c>
      <c r="H2393" s="45">
        <v>4.8</v>
      </c>
      <c r="I2393" s="45">
        <v>19.600000000000001</v>
      </c>
      <c r="J2393" s="46">
        <v>14.9</v>
      </c>
    </row>
    <row r="2394" spans="1:25" x14ac:dyDescent="0.2">
      <c r="B2394" s="72"/>
      <c r="C2394" s="38" t="s">
        <v>42</v>
      </c>
      <c r="D2394" s="44">
        <v>290</v>
      </c>
      <c r="E2394" s="45">
        <v>2.4</v>
      </c>
      <c r="F2394" s="45">
        <v>1.4</v>
      </c>
      <c r="G2394" s="45">
        <v>59.7</v>
      </c>
      <c r="H2394" s="45">
        <v>6.2</v>
      </c>
      <c r="I2394" s="45">
        <v>14.5</v>
      </c>
      <c r="J2394" s="46">
        <v>15.9</v>
      </c>
    </row>
    <row r="2395" spans="1:25" x14ac:dyDescent="0.2">
      <c r="B2395" s="72"/>
      <c r="C2395" s="38" t="s">
        <v>43</v>
      </c>
      <c r="D2395" s="44">
        <v>231</v>
      </c>
      <c r="E2395" s="45">
        <v>1.3</v>
      </c>
      <c r="F2395" s="45">
        <v>2.2000000000000002</v>
      </c>
      <c r="G2395" s="45">
        <v>53.2</v>
      </c>
      <c r="H2395" s="45">
        <v>6.9</v>
      </c>
      <c r="I2395" s="45">
        <v>20.3</v>
      </c>
      <c r="J2395" s="46">
        <v>16</v>
      </c>
    </row>
    <row r="2396" spans="1:25" x14ac:dyDescent="0.2">
      <c r="B2396" s="72"/>
      <c r="C2396" s="38" t="s">
        <v>44</v>
      </c>
      <c r="D2396" s="44">
        <v>800</v>
      </c>
      <c r="E2396" s="45">
        <v>2</v>
      </c>
      <c r="F2396" s="45">
        <v>3.3</v>
      </c>
      <c r="G2396" s="45">
        <v>58</v>
      </c>
      <c r="H2396" s="45">
        <v>6.9</v>
      </c>
      <c r="I2396" s="45">
        <v>16</v>
      </c>
      <c r="J2396" s="46">
        <v>13.9</v>
      </c>
    </row>
    <row r="2397" spans="1:25" x14ac:dyDescent="0.2">
      <c r="B2397" s="72"/>
      <c r="C2397" s="38" t="s">
        <v>45</v>
      </c>
      <c r="D2397" s="44">
        <v>240</v>
      </c>
      <c r="E2397" s="45">
        <v>0.8</v>
      </c>
      <c r="F2397" s="45">
        <v>4.2</v>
      </c>
      <c r="G2397" s="45">
        <v>60.8</v>
      </c>
      <c r="H2397" s="45">
        <v>7.9</v>
      </c>
      <c r="I2397" s="45">
        <v>16.3</v>
      </c>
      <c r="J2397" s="46">
        <v>10</v>
      </c>
    </row>
    <row r="2398" spans="1:25" x14ac:dyDescent="0.2">
      <c r="B2398" s="72"/>
      <c r="C2398" s="38" t="s">
        <v>46</v>
      </c>
      <c r="D2398" s="44">
        <v>117</v>
      </c>
      <c r="E2398" s="45">
        <v>0.9</v>
      </c>
      <c r="F2398" s="45">
        <v>0</v>
      </c>
      <c r="G2398" s="45">
        <v>68.400000000000006</v>
      </c>
      <c r="H2398" s="45">
        <v>5.0999999999999996</v>
      </c>
      <c r="I2398" s="45">
        <v>18.8</v>
      </c>
      <c r="J2398" s="46">
        <v>6.8</v>
      </c>
    </row>
    <row r="2399" spans="1:25" x14ac:dyDescent="0.2">
      <c r="B2399" s="72"/>
      <c r="C2399" s="38" t="s">
        <v>47</v>
      </c>
      <c r="D2399" s="44">
        <v>461</v>
      </c>
      <c r="E2399" s="45">
        <v>3</v>
      </c>
      <c r="F2399" s="45">
        <v>4.8</v>
      </c>
      <c r="G2399" s="45">
        <v>52.1</v>
      </c>
      <c r="H2399" s="45">
        <v>6.7</v>
      </c>
      <c r="I2399" s="45">
        <v>18.2</v>
      </c>
      <c r="J2399" s="46">
        <v>15.2</v>
      </c>
    </row>
    <row r="2400" spans="1:25" ht="21.6" x14ac:dyDescent="0.2">
      <c r="B2400" s="72"/>
      <c r="C2400" s="39" t="s">
        <v>48</v>
      </c>
      <c r="D2400" s="47">
        <v>2307</v>
      </c>
      <c r="E2400" s="48">
        <v>2</v>
      </c>
      <c r="F2400" s="48">
        <v>3</v>
      </c>
      <c r="G2400" s="48">
        <v>57.4</v>
      </c>
      <c r="H2400" s="48">
        <v>6.6</v>
      </c>
      <c r="I2400" s="48">
        <v>17.100000000000001</v>
      </c>
      <c r="J2400" s="49">
        <v>13.9</v>
      </c>
    </row>
    <row r="2401" spans="1:25" x14ac:dyDescent="0.2">
      <c r="B2401" s="7" t="s">
        <v>49</v>
      </c>
      <c r="C2401" s="4" t="s">
        <v>277</v>
      </c>
    </row>
    <row r="2402" spans="1:25" x14ac:dyDescent="0.2">
      <c r="B2402" s="4"/>
      <c r="C2402" s="4" t="s">
        <v>51</v>
      </c>
    </row>
    <row r="2404" spans="1:25" x14ac:dyDescent="0.2">
      <c r="A2404" s="26" t="s">
        <v>25</v>
      </c>
      <c r="B2404" t="s">
        <v>35</v>
      </c>
      <c r="C2404" t="s">
        <v>35</v>
      </c>
    </row>
    <row r="2405" spans="1:25" x14ac:dyDescent="0.2">
      <c r="B2405" s="70" t="s">
        <v>278</v>
      </c>
      <c r="C2405" s="71"/>
      <c r="D2405" s="71"/>
      <c r="E2405" s="71"/>
      <c r="F2405" s="71"/>
      <c r="G2405" s="71"/>
      <c r="H2405" s="71"/>
      <c r="I2405" s="71"/>
      <c r="J2405" s="71"/>
      <c r="K2405" s="71"/>
      <c r="L2405" s="71"/>
      <c r="M2405" s="71"/>
      <c r="N2405" s="71"/>
      <c r="O2405" s="71"/>
      <c r="P2405" s="71"/>
      <c r="Q2405" s="71"/>
      <c r="R2405" s="71"/>
      <c r="S2405" s="71"/>
      <c r="T2405" s="71"/>
      <c r="U2405" s="71"/>
      <c r="V2405" s="71"/>
      <c r="W2405" s="71"/>
      <c r="X2405" s="71"/>
      <c r="Y2405" s="71"/>
    </row>
    <row r="2406" spans="1:25" s="32" customFormat="1" ht="47.25" customHeight="1" x14ac:dyDescent="0.15">
      <c r="A2406" s="31"/>
      <c r="D2406" s="33" t="s">
        <v>341</v>
      </c>
      <c r="E2406" s="36" t="s">
        <v>672</v>
      </c>
      <c r="F2406" s="51" t="s">
        <v>673</v>
      </c>
      <c r="G2406" s="51" t="s">
        <v>674</v>
      </c>
      <c r="H2406" s="51" t="s">
        <v>675</v>
      </c>
      <c r="I2406" s="37" t="s">
        <v>443</v>
      </c>
      <c r="J2406" s="35" t="s">
        <v>344</v>
      </c>
    </row>
    <row r="2407" spans="1:25" x14ac:dyDescent="0.2">
      <c r="B2407" s="5"/>
      <c r="C2407" s="40" t="s">
        <v>38</v>
      </c>
      <c r="D2407" s="41">
        <v>4307</v>
      </c>
      <c r="E2407" s="42">
        <v>11.6</v>
      </c>
      <c r="F2407" s="42">
        <v>24.6</v>
      </c>
      <c r="G2407" s="42">
        <v>37.5</v>
      </c>
      <c r="H2407" s="42">
        <v>18.899999999999999</v>
      </c>
      <c r="I2407" s="43">
        <v>7.4</v>
      </c>
    </row>
    <row r="2408" spans="1:25" x14ac:dyDescent="0.2">
      <c r="B2408" s="72" t="s">
        <v>37</v>
      </c>
      <c r="C2408" s="38" t="s">
        <v>39</v>
      </c>
      <c r="D2408" s="44">
        <v>1325</v>
      </c>
      <c r="E2408" s="45">
        <v>11.9</v>
      </c>
      <c r="F2408" s="45">
        <v>23.9</v>
      </c>
      <c r="G2408" s="45">
        <v>36.799999999999997</v>
      </c>
      <c r="H2408" s="45">
        <v>19.399999999999999</v>
      </c>
      <c r="I2408" s="46">
        <v>7.9</v>
      </c>
    </row>
    <row r="2409" spans="1:25" x14ac:dyDescent="0.2">
      <c r="B2409" s="72"/>
      <c r="C2409" s="38" t="s">
        <v>40</v>
      </c>
      <c r="D2409" s="44">
        <v>675</v>
      </c>
      <c r="E2409" s="45">
        <v>11.3</v>
      </c>
      <c r="F2409" s="45">
        <v>27.1</v>
      </c>
      <c r="G2409" s="45">
        <v>35.700000000000003</v>
      </c>
      <c r="H2409" s="45">
        <v>18.100000000000001</v>
      </c>
      <c r="I2409" s="46">
        <v>7.9</v>
      </c>
    </row>
    <row r="2410" spans="1:25" x14ac:dyDescent="0.2">
      <c r="B2410" s="72"/>
      <c r="C2410" s="38" t="s">
        <v>41</v>
      </c>
      <c r="D2410" s="44">
        <v>168</v>
      </c>
      <c r="E2410" s="45">
        <v>11.9</v>
      </c>
      <c r="F2410" s="45">
        <v>21.4</v>
      </c>
      <c r="G2410" s="45">
        <v>41.7</v>
      </c>
      <c r="H2410" s="45">
        <v>20.8</v>
      </c>
      <c r="I2410" s="46">
        <v>4.2</v>
      </c>
    </row>
    <row r="2411" spans="1:25" x14ac:dyDescent="0.2">
      <c r="B2411" s="72"/>
      <c r="C2411" s="38" t="s">
        <v>42</v>
      </c>
      <c r="D2411" s="44">
        <v>290</v>
      </c>
      <c r="E2411" s="45">
        <v>7.6</v>
      </c>
      <c r="F2411" s="45">
        <v>23.8</v>
      </c>
      <c r="G2411" s="45">
        <v>37.200000000000003</v>
      </c>
      <c r="H2411" s="45">
        <v>23.1</v>
      </c>
      <c r="I2411" s="46">
        <v>8.3000000000000007</v>
      </c>
    </row>
    <row r="2412" spans="1:25" x14ac:dyDescent="0.2">
      <c r="B2412" s="72"/>
      <c r="C2412" s="38" t="s">
        <v>43</v>
      </c>
      <c r="D2412" s="44">
        <v>231</v>
      </c>
      <c r="E2412" s="45">
        <v>12.1</v>
      </c>
      <c r="F2412" s="45">
        <v>18.600000000000001</v>
      </c>
      <c r="G2412" s="45">
        <v>42.9</v>
      </c>
      <c r="H2412" s="45">
        <v>19.5</v>
      </c>
      <c r="I2412" s="46">
        <v>6.9</v>
      </c>
    </row>
    <row r="2413" spans="1:25" x14ac:dyDescent="0.2">
      <c r="B2413" s="72"/>
      <c r="C2413" s="38" t="s">
        <v>44</v>
      </c>
      <c r="D2413" s="44">
        <v>800</v>
      </c>
      <c r="E2413" s="45">
        <v>13.6</v>
      </c>
      <c r="F2413" s="45">
        <v>25.5</v>
      </c>
      <c r="G2413" s="45">
        <v>36.799999999999997</v>
      </c>
      <c r="H2413" s="45">
        <v>16.5</v>
      </c>
      <c r="I2413" s="46">
        <v>7.6</v>
      </c>
    </row>
    <row r="2414" spans="1:25" x14ac:dyDescent="0.2">
      <c r="B2414" s="72"/>
      <c r="C2414" s="38" t="s">
        <v>45</v>
      </c>
      <c r="D2414" s="44">
        <v>240</v>
      </c>
      <c r="E2414" s="45">
        <v>12.1</v>
      </c>
      <c r="F2414" s="45">
        <v>25.4</v>
      </c>
      <c r="G2414" s="45">
        <v>40.4</v>
      </c>
      <c r="H2414" s="45">
        <v>18.3</v>
      </c>
      <c r="I2414" s="46">
        <v>3.8</v>
      </c>
    </row>
    <row r="2415" spans="1:25" x14ac:dyDescent="0.2">
      <c r="B2415" s="72"/>
      <c r="C2415" s="38" t="s">
        <v>46</v>
      </c>
      <c r="D2415" s="44">
        <v>117</v>
      </c>
      <c r="E2415" s="45">
        <v>5.0999999999999996</v>
      </c>
      <c r="F2415" s="45">
        <v>26.5</v>
      </c>
      <c r="G2415" s="45">
        <v>40.200000000000003</v>
      </c>
      <c r="H2415" s="45">
        <v>22.2</v>
      </c>
      <c r="I2415" s="46">
        <v>6</v>
      </c>
    </row>
    <row r="2416" spans="1:25" x14ac:dyDescent="0.2">
      <c r="B2416" s="72"/>
      <c r="C2416" s="38" t="s">
        <v>47</v>
      </c>
      <c r="D2416" s="44">
        <v>461</v>
      </c>
      <c r="E2416" s="45">
        <v>10.8</v>
      </c>
      <c r="F2416" s="45">
        <v>24.9</v>
      </c>
      <c r="G2416" s="45">
        <v>37.299999999999997</v>
      </c>
      <c r="H2416" s="45">
        <v>18.7</v>
      </c>
      <c r="I2416" s="46">
        <v>8.1999999999999993</v>
      </c>
    </row>
    <row r="2417" spans="1:25" ht="21.6" x14ac:dyDescent="0.2">
      <c r="B2417" s="72"/>
      <c r="C2417" s="39" t="s">
        <v>48</v>
      </c>
      <c r="D2417" s="47">
        <v>2307</v>
      </c>
      <c r="E2417" s="48">
        <v>11.4</v>
      </c>
      <c r="F2417" s="48">
        <v>24.2</v>
      </c>
      <c r="G2417" s="48">
        <v>38.4</v>
      </c>
      <c r="H2417" s="48">
        <v>18.899999999999999</v>
      </c>
      <c r="I2417" s="49">
        <v>7</v>
      </c>
    </row>
    <row r="2418" spans="1:25" x14ac:dyDescent="0.2">
      <c r="B2418" s="7" t="s">
        <v>49</v>
      </c>
      <c r="C2418" s="4" t="s">
        <v>279</v>
      </c>
    </row>
    <row r="2419" spans="1:25" x14ac:dyDescent="0.2">
      <c r="B2419" s="4"/>
      <c r="C2419" s="4" t="s">
        <v>51</v>
      </c>
    </row>
    <row r="2421" spans="1:25" x14ac:dyDescent="0.2">
      <c r="A2421" s="26" t="s">
        <v>25</v>
      </c>
      <c r="B2421" t="s">
        <v>35</v>
      </c>
      <c r="C2421" t="s">
        <v>35</v>
      </c>
    </row>
    <row r="2422" spans="1:25" x14ac:dyDescent="0.2">
      <c r="B2422" s="70" t="s">
        <v>280</v>
      </c>
      <c r="C2422" s="71"/>
      <c r="D2422" s="71"/>
      <c r="E2422" s="71"/>
      <c r="F2422" s="71"/>
      <c r="G2422" s="71"/>
      <c r="H2422" s="71"/>
      <c r="I2422" s="71"/>
      <c r="J2422" s="71"/>
      <c r="K2422" s="71"/>
      <c r="L2422" s="71"/>
      <c r="M2422" s="71"/>
      <c r="N2422" s="71"/>
      <c r="O2422" s="71"/>
      <c r="P2422" s="71"/>
      <c r="Q2422" s="71"/>
      <c r="R2422" s="71"/>
      <c r="S2422" s="71"/>
      <c r="T2422" s="71"/>
      <c r="U2422" s="71"/>
      <c r="V2422" s="71"/>
      <c r="W2422" s="71"/>
      <c r="X2422" s="71"/>
      <c r="Y2422" s="71"/>
    </row>
    <row r="2423" spans="1:25" s="32" customFormat="1" ht="36.450000000000003" customHeight="1" x14ac:dyDescent="0.15">
      <c r="A2423" s="31"/>
      <c r="D2423" s="33" t="s">
        <v>341</v>
      </c>
      <c r="E2423" s="36" t="s">
        <v>676</v>
      </c>
      <c r="F2423" s="51" t="s">
        <v>677</v>
      </c>
      <c r="G2423" s="37" t="s">
        <v>443</v>
      </c>
      <c r="H2423" s="35" t="s">
        <v>344</v>
      </c>
    </row>
    <row r="2424" spans="1:25" x14ac:dyDescent="0.2">
      <c r="B2424" s="5"/>
      <c r="C2424" s="40" t="s">
        <v>38</v>
      </c>
      <c r="D2424" s="41">
        <v>4307</v>
      </c>
      <c r="E2424" s="42">
        <v>36.200000000000003</v>
      </c>
      <c r="F2424" s="42">
        <v>56.4</v>
      </c>
      <c r="G2424" s="43">
        <v>7.4</v>
      </c>
    </row>
    <row r="2425" spans="1:25" x14ac:dyDescent="0.2">
      <c r="B2425" s="72" t="s">
        <v>37</v>
      </c>
      <c r="C2425" s="38" t="s">
        <v>39</v>
      </c>
      <c r="D2425" s="44">
        <v>1325</v>
      </c>
      <c r="E2425" s="45">
        <v>35.799999999999997</v>
      </c>
      <c r="F2425" s="45">
        <v>56.2</v>
      </c>
      <c r="G2425" s="46">
        <v>7.9</v>
      </c>
    </row>
    <row r="2426" spans="1:25" x14ac:dyDescent="0.2">
      <c r="B2426" s="72"/>
      <c r="C2426" s="38" t="s">
        <v>40</v>
      </c>
      <c r="D2426" s="44">
        <v>675</v>
      </c>
      <c r="E2426" s="45">
        <v>38.4</v>
      </c>
      <c r="F2426" s="45">
        <v>53.8</v>
      </c>
      <c r="G2426" s="46">
        <v>7.9</v>
      </c>
    </row>
    <row r="2427" spans="1:25" x14ac:dyDescent="0.2">
      <c r="B2427" s="72"/>
      <c r="C2427" s="38" t="s">
        <v>41</v>
      </c>
      <c r="D2427" s="44">
        <v>168</v>
      </c>
      <c r="E2427" s="45">
        <v>33.299999999999997</v>
      </c>
      <c r="F2427" s="45">
        <v>62.5</v>
      </c>
      <c r="G2427" s="46">
        <v>4.2</v>
      </c>
    </row>
    <row r="2428" spans="1:25" x14ac:dyDescent="0.2">
      <c r="B2428" s="72"/>
      <c r="C2428" s="38" t="s">
        <v>42</v>
      </c>
      <c r="D2428" s="44">
        <v>290</v>
      </c>
      <c r="E2428" s="45">
        <v>31.4</v>
      </c>
      <c r="F2428" s="45">
        <v>60.3</v>
      </c>
      <c r="G2428" s="46">
        <v>8.3000000000000007</v>
      </c>
    </row>
    <row r="2429" spans="1:25" x14ac:dyDescent="0.2">
      <c r="B2429" s="72"/>
      <c r="C2429" s="38" t="s">
        <v>43</v>
      </c>
      <c r="D2429" s="44">
        <v>231</v>
      </c>
      <c r="E2429" s="45">
        <v>30.7</v>
      </c>
      <c r="F2429" s="45">
        <v>62.3</v>
      </c>
      <c r="G2429" s="46">
        <v>6.9</v>
      </c>
    </row>
    <row r="2430" spans="1:25" x14ac:dyDescent="0.2">
      <c r="B2430" s="72"/>
      <c r="C2430" s="38" t="s">
        <v>44</v>
      </c>
      <c r="D2430" s="44">
        <v>800</v>
      </c>
      <c r="E2430" s="45">
        <v>39.1</v>
      </c>
      <c r="F2430" s="45">
        <v>53.3</v>
      </c>
      <c r="G2430" s="46">
        <v>7.6</v>
      </c>
    </row>
    <row r="2431" spans="1:25" x14ac:dyDescent="0.2">
      <c r="B2431" s="72"/>
      <c r="C2431" s="38" t="s">
        <v>45</v>
      </c>
      <c r="D2431" s="44">
        <v>240</v>
      </c>
      <c r="E2431" s="45">
        <v>37.5</v>
      </c>
      <c r="F2431" s="45">
        <v>58.8</v>
      </c>
      <c r="G2431" s="46">
        <v>3.8</v>
      </c>
    </row>
    <row r="2432" spans="1:25" x14ac:dyDescent="0.2">
      <c r="B2432" s="72"/>
      <c r="C2432" s="38" t="s">
        <v>46</v>
      </c>
      <c r="D2432" s="44">
        <v>117</v>
      </c>
      <c r="E2432" s="45">
        <v>31.6</v>
      </c>
      <c r="F2432" s="45">
        <v>62.4</v>
      </c>
      <c r="G2432" s="46">
        <v>6</v>
      </c>
    </row>
    <row r="2433" spans="1:25" x14ac:dyDescent="0.2">
      <c r="B2433" s="72"/>
      <c r="C2433" s="38" t="s">
        <v>47</v>
      </c>
      <c r="D2433" s="44">
        <v>461</v>
      </c>
      <c r="E2433" s="45">
        <v>35.799999999999997</v>
      </c>
      <c r="F2433" s="45">
        <v>56</v>
      </c>
      <c r="G2433" s="46">
        <v>8.1999999999999993</v>
      </c>
    </row>
    <row r="2434" spans="1:25" ht="21.6" x14ac:dyDescent="0.2">
      <c r="B2434" s="72"/>
      <c r="C2434" s="39" t="s">
        <v>48</v>
      </c>
      <c r="D2434" s="47">
        <v>2307</v>
      </c>
      <c r="E2434" s="48">
        <v>35.700000000000003</v>
      </c>
      <c r="F2434" s="48">
        <v>57.3</v>
      </c>
      <c r="G2434" s="49">
        <v>7</v>
      </c>
    </row>
    <row r="2436" spans="1:25" x14ac:dyDescent="0.2">
      <c r="A2436" s="26" t="s">
        <v>25</v>
      </c>
      <c r="B2436" t="s">
        <v>35</v>
      </c>
      <c r="C2436" t="s">
        <v>35</v>
      </c>
    </row>
    <row r="2437" spans="1:25" x14ac:dyDescent="0.2">
      <c r="B2437" s="70" t="s">
        <v>281</v>
      </c>
      <c r="C2437" s="71"/>
      <c r="D2437" s="71"/>
      <c r="E2437" s="71"/>
      <c r="F2437" s="71"/>
      <c r="G2437" s="71"/>
      <c r="H2437" s="71"/>
      <c r="I2437" s="71"/>
      <c r="J2437" s="71"/>
      <c r="K2437" s="71"/>
      <c r="L2437" s="71"/>
      <c r="M2437" s="71"/>
      <c r="N2437" s="71"/>
      <c r="O2437" s="71"/>
      <c r="P2437" s="71"/>
      <c r="Q2437" s="71"/>
      <c r="R2437" s="71"/>
      <c r="S2437" s="71"/>
      <c r="T2437" s="71"/>
      <c r="U2437" s="71"/>
      <c r="V2437" s="71"/>
      <c r="W2437" s="71"/>
      <c r="X2437" s="71"/>
      <c r="Y2437" s="71"/>
    </row>
    <row r="2438" spans="1:25" s="32" customFormat="1" ht="68.849999999999994" customHeight="1" x14ac:dyDescent="0.15">
      <c r="A2438" s="31"/>
      <c r="D2438" s="33" t="s">
        <v>341</v>
      </c>
      <c r="E2438" s="36" t="s">
        <v>678</v>
      </c>
      <c r="F2438" s="51" t="s">
        <v>679</v>
      </c>
      <c r="G2438" s="51" t="s">
        <v>680</v>
      </c>
      <c r="H2438" s="51" t="s">
        <v>681</v>
      </c>
      <c r="I2438" s="51" t="s">
        <v>682</v>
      </c>
      <c r="J2438" s="51" t="s">
        <v>683</v>
      </c>
      <c r="K2438" s="51" t="s">
        <v>684</v>
      </c>
      <c r="L2438" s="51" t="s">
        <v>685</v>
      </c>
      <c r="M2438" s="51" t="s">
        <v>686</v>
      </c>
      <c r="N2438" s="51" t="s">
        <v>687</v>
      </c>
      <c r="O2438" s="51" t="s">
        <v>688</v>
      </c>
      <c r="P2438" s="51" t="s">
        <v>689</v>
      </c>
      <c r="Q2438" s="37" t="s">
        <v>690</v>
      </c>
      <c r="R2438" s="35" t="s">
        <v>344</v>
      </c>
    </row>
    <row r="2439" spans="1:25" x14ac:dyDescent="0.2">
      <c r="B2439" s="5"/>
      <c r="C2439" s="40" t="s">
        <v>38</v>
      </c>
      <c r="D2439" s="41">
        <v>1557</v>
      </c>
      <c r="E2439" s="42">
        <v>3.2</v>
      </c>
      <c r="F2439" s="42">
        <v>4</v>
      </c>
      <c r="G2439" s="42">
        <v>4.0999999999999996</v>
      </c>
      <c r="H2439" s="42">
        <v>8.9</v>
      </c>
      <c r="I2439" s="42">
        <v>14.8</v>
      </c>
      <c r="J2439" s="42">
        <v>39.4</v>
      </c>
      <c r="K2439" s="42">
        <v>7.5</v>
      </c>
      <c r="L2439" s="42">
        <v>58.9</v>
      </c>
      <c r="M2439" s="42">
        <v>4.4000000000000004</v>
      </c>
      <c r="N2439" s="42">
        <v>3</v>
      </c>
      <c r="O2439" s="42">
        <v>2.1</v>
      </c>
      <c r="P2439" s="42">
        <v>3.7</v>
      </c>
      <c r="Q2439" s="43">
        <v>7.1</v>
      </c>
    </row>
    <row r="2440" spans="1:25" x14ac:dyDescent="0.2">
      <c r="B2440" s="72" t="s">
        <v>37</v>
      </c>
      <c r="C2440" s="38" t="s">
        <v>39</v>
      </c>
      <c r="D2440" s="44">
        <v>475</v>
      </c>
      <c r="E2440" s="45">
        <v>2.2999999999999998</v>
      </c>
      <c r="F2440" s="45">
        <v>4.5999999999999996</v>
      </c>
      <c r="G2440" s="45">
        <v>4.5999999999999996</v>
      </c>
      <c r="H2440" s="45">
        <v>9.5</v>
      </c>
      <c r="I2440" s="45">
        <v>13.5</v>
      </c>
      <c r="J2440" s="45">
        <v>39.200000000000003</v>
      </c>
      <c r="K2440" s="45">
        <v>5.5</v>
      </c>
      <c r="L2440" s="45">
        <v>61.1</v>
      </c>
      <c r="M2440" s="45">
        <v>4</v>
      </c>
      <c r="N2440" s="45">
        <v>4</v>
      </c>
      <c r="O2440" s="45">
        <v>2.5</v>
      </c>
      <c r="P2440" s="45">
        <v>3.4</v>
      </c>
      <c r="Q2440" s="46">
        <v>6.7</v>
      </c>
    </row>
    <row r="2441" spans="1:25" x14ac:dyDescent="0.2">
      <c r="B2441" s="72"/>
      <c r="C2441" s="38" t="s">
        <v>40</v>
      </c>
      <c r="D2441" s="44">
        <v>259</v>
      </c>
      <c r="E2441" s="45">
        <v>2.7</v>
      </c>
      <c r="F2441" s="45">
        <v>3.5</v>
      </c>
      <c r="G2441" s="45">
        <v>4.2</v>
      </c>
      <c r="H2441" s="45">
        <v>8.5</v>
      </c>
      <c r="I2441" s="45">
        <v>14.7</v>
      </c>
      <c r="J2441" s="45">
        <v>35.9</v>
      </c>
      <c r="K2441" s="45">
        <v>10.8</v>
      </c>
      <c r="L2441" s="45">
        <v>59.1</v>
      </c>
      <c r="M2441" s="45">
        <v>3.1</v>
      </c>
      <c r="N2441" s="45">
        <v>3.9</v>
      </c>
      <c r="O2441" s="45">
        <v>0.4</v>
      </c>
      <c r="P2441" s="45">
        <v>2.7</v>
      </c>
      <c r="Q2441" s="46">
        <v>6.9</v>
      </c>
    </row>
    <row r="2442" spans="1:25" x14ac:dyDescent="0.2">
      <c r="B2442" s="72"/>
      <c r="C2442" s="38" t="s">
        <v>41</v>
      </c>
      <c r="D2442" s="44">
        <v>56</v>
      </c>
      <c r="E2442" s="45">
        <v>5.4</v>
      </c>
      <c r="F2442" s="45">
        <v>1.8</v>
      </c>
      <c r="G2442" s="45">
        <v>1.8</v>
      </c>
      <c r="H2442" s="45">
        <v>7.1</v>
      </c>
      <c r="I2442" s="45">
        <v>10.7</v>
      </c>
      <c r="J2442" s="45">
        <v>48.2</v>
      </c>
      <c r="K2442" s="45">
        <v>5.4</v>
      </c>
      <c r="L2442" s="45">
        <v>60.7</v>
      </c>
      <c r="M2442" s="45">
        <v>5.4</v>
      </c>
      <c r="N2442" s="45">
        <v>1.8</v>
      </c>
      <c r="O2442" s="45">
        <v>1.8</v>
      </c>
      <c r="P2442" s="45">
        <v>5.4</v>
      </c>
      <c r="Q2442" s="46">
        <v>5.4</v>
      </c>
    </row>
    <row r="2443" spans="1:25" x14ac:dyDescent="0.2">
      <c r="B2443" s="72"/>
      <c r="C2443" s="38" t="s">
        <v>42</v>
      </c>
      <c r="D2443" s="44">
        <v>91</v>
      </c>
      <c r="E2443" s="45">
        <v>1.1000000000000001</v>
      </c>
      <c r="F2443" s="45">
        <v>3.3</v>
      </c>
      <c r="G2443" s="45">
        <v>3.3</v>
      </c>
      <c r="H2443" s="45">
        <v>9.9</v>
      </c>
      <c r="I2443" s="45">
        <v>14.3</v>
      </c>
      <c r="J2443" s="45">
        <v>34.1</v>
      </c>
      <c r="K2443" s="45">
        <v>5.5</v>
      </c>
      <c r="L2443" s="45">
        <v>54.9</v>
      </c>
      <c r="M2443" s="45">
        <v>1.1000000000000001</v>
      </c>
      <c r="N2443" s="45">
        <v>1.1000000000000001</v>
      </c>
      <c r="O2443" s="45">
        <v>3.3</v>
      </c>
      <c r="P2443" s="45">
        <v>5.5</v>
      </c>
      <c r="Q2443" s="46">
        <v>9.9</v>
      </c>
    </row>
    <row r="2444" spans="1:25" x14ac:dyDescent="0.2">
      <c r="B2444" s="72"/>
      <c r="C2444" s="38" t="s">
        <v>43</v>
      </c>
      <c r="D2444" s="44">
        <v>71</v>
      </c>
      <c r="E2444" s="45">
        <v>7</v>
      </c>
      <c r="F2444" s="45">
        <v>12.7</v>
      </c>
      <c r="G2444" s="45">
        <v>2.8</v>
      </c>
      <c r="H2444" s="45">
        <v>7</v>
      </c>
      <c r="I2444" s="45">
        <v>14.1</v>
      </c>
      <c r="J2444" s="45">
        <v>38</v>
      </c>
      <c r="K2444" s="45">
        <v>5.6</v>
      </c>
      <c r="L2444" s="45">
        <v>66.2</v>
      </c>
      <c r="M2444" s="45">
        <v>4.2</v>
      </c>
      <c r="N2444" s="45">
        <v>2.8</v>
      </c>
      <c r="O2444" s="45">
        <v>1.4</v>
      </c>
      <c r="P2444" s="45">
        <v>2.8</v>
      </c>
      <c r="Q2444" s="46">
        <v>4.2</v>
      </c>
    </row>
    <row r="2445" spans="1:25" x14ac:dyDescent="0.2">
      <c r="B2445" s="72"/>
      <c r="C2445" s="38" t="s">
        <v>44</v>
      </c>
      <c r="D2445" s="44">
        <v>313</v>
      </c>
      <c r="E2445" s="45">
        <v>2.9</v>
      </c>
      <c r="F2445" s="45">
        <v>3.2</v>
      </c>
      <c r="G2445" s="45">
        <v>5.0999999999999996</v>
      </c>
      <c r="H2445" s="45">
        <v>8</v>
      </c>
      <c r="I2445" s="45">
        <v>16</v>
      </c>
      <c r="J2445" s="45">
        <v>41.2</v>
      </c>
      <c r="K2445" s="45">
        <v>8.6</v>
      </c>
      <c r="L2445" s="45">
        <v>58.5</v>
      </c>
      <c r="M2445" s="45">
        <v>5.8</v>
      </c>
      <c r="N2445" s="45">
        <v>1.9</v>
      </c>
      <c r="O2445" s="45">
        <v>2.9</v>
      </c>
      <c r="P2445" s="45">
        <v>3.2</v>
      </c>
      <c r="Q2445" s="46">
        <v>6.4</v>
      </c>
    </row>
    <row r="2446" spans="1:25" x14ac:dyDescent="0.2">
      <c r="B2446" s="72"/>
      <c r="C2446" s="38" t="s">
        <v>45</v>
      </c>
      <c r="D2446" s="44">
        <v>90</v>
      </c>
      <c r="E2446" s="45">
        <v>3.3</v>
      </c>
      <c r="F2446" s="45">
        <v>3.3</v>
      </c>
      <c r="G2446" s="45">
        <v>2.2000000000000002</v>
      </c>
      <c r="H2446" s="45">
        <v>3.3</v>
      </c>
      <c r="I2446" s="45">
        <v>16.7</v>
      </c>
      <c r="J2446" s="45">
        <v>41.1</v>
      </c>
      <c r="K2446" s="45">
        <v>6.7</v>
      </c>
      <c r="L2446" s="45">
        <v>52.2</v>
      </c>
      <c r="M2446" s="45">
        <v>6.7</v>
      </c>
      <c r="N2446" s="45">
        <v>2.2000000000000002</v>
      </c>
      <c r="O2446" s="45">
        <v>1.1000000000000001</v>
      </c>
      <c r="P2446" s="45">
        <v>4.4000000000000004</v>
      </c>
      <c r="Q2446" s="46">
        <v>8.9</v>
      </c>
    </row>
    <row r="2447" spans="1:25" x14ac:dyDescent="0.2">
      <c r="B2447" s="72"/>
      <c r="C2447" s="38" t="s">
        <v>46</v>
      </c>
      <c r="D2447" s="44">
        <v>37</v>
      </c>
      <c r="E2447" s="45">
        <v>2.7</v>
      </c>
      <c r="F2447" s="45">
        <v>0</v>
      </c>
      <c r="G2447" s="45">
        <v>2.7</v>
      </c>
      <c r="H2447" s="45">
        <v>5.4</v>
      </c>
      <c r="I2447" s="45">
        <v>16.2</v>
      </c>
      <c r="J2447" s="45">
        <v>43.2</v>
      </c>
      <c r="K2447" s="45">
        <v>8.1</v>
      </c>
      <c r="L2447" s="45">
        <v>43.2</v>
      </c>
      <c r="M2447" s="45">
        <v>13.5</v>
      </c>
      <c r="N2447" s="45">
        <v>0</v>
      </c>
      <c r="O2447" s="45">
        <v>0</v>
      </c>
      <c r="P2447" s="45">
        <v>5.4</v>
      </c>
      <c r="Q2447" s="46">
        <v>10.8</v>
      </c>
    </row>
    <row r="2448" spans="1:25" x14ac:dyDescent="0.2">
      <c r="B2448" s="72"/>
      <c r="C2448" s="38" t="s">
        <v>47</v>
      </c>
      <c r="D2448" s="44">
        <v>165</v>
      </c>
      <c r="E2448" s="45">
        <v>6.1</v>
      </c>
      <c r="F2448" s="45">
        <v>3.6</v>
      </c>
      <c r="G2448" s="45">
        <v>3.6</v>
      </c>
      <c r="H2448" s="45">
        <v>13.9</v>
      </c>
      <c r="I2448" s="45">
        <v>17</v>
      </c>
      <c r="J2448" s="45">
        <v>41.2</v>
      </c>
      <c r="K2448" s="45">
        <v>8.5</v>
      </c>
      <c r="L2448" s="45">
        <v>58.8</v>
      </c>
      <c r="M2448" s="45">
        <v>3</v>
      </c>
      <c r="N2448" s="45">
        <v>3.6</v>
      </c>
      <c r="O2448" s="45">
        <v>2.4</v>
      </c>
      <c r="P2448" s="45">
        <v>4.8</v>
      </c>
      <c r="Q2448" s="46">
        <v>8.5</v>
      </c>
    </row>
    <row r="2449" spans="1:25" ht="21.6" x14ac:dyDescent="0.2">
      <c r="B2449" s="72"/>
      <c r="C2449" s="39" t="s">
        <v>48</v>
      </c>
      <c r="D2449" s="47">
        <v>823</v>
      </c>
      <c r="E2449" s="48">
        <v>3.9</v>
      </c>
      <c r="F2449" s="48">
        <v>3.9</v>
      </c>
      <c r="G2449" s="48">
        <v>3.8</v>
      </c>
      <c r="H2449" s="48">
        <v>8.6</v>
      </c>
      <c r="I2449" s="48">
        <v>15.6</v>
      </c>
      <c r="J2449" s="48">
        <v>40.700000000000003</v>
      </c>
      <c r="K2449" s="48">
        <v>7.5</v>
      </c>
      <c r="L2449" s="48">
        <v>57.6</v>
      </c>
      <c r="M2449" s="48">
        <v>5</v>
      </c>
      <c r="N2449" s="48">
        <v>2.2000000000000002</v>
      </c>
      <c r="O2449" s="48">
        <v>2.2999999999999998</v>
      </c>
      <c r="P2449" s="48">
        <v>4.0999999999999996</v>
      </c>
      <c r="Q2449" s="49">
        <v>7.4</v>
      </c>
    </row>
    <row r="2450" spans="1:25" x14ac:dyDescent="0.2">
      <c r="B2450" s="7" t="s">
        <v>49</v>
      </c>
      <c r="C2450" s="4" t="s">
        <v>282</v>
      </c>
    </row>
    <row r="2451" spans="1:25" x14ac:dyDescent="0.2">
      <c r="B2451" s="4"/>
      <c r="C2451" s="4" t="s">
        <v>51</v>
      </c>
    </row>
    <row r="2453" spans="1:25" x14ac:dyDescent="0.2">
      <c r="A2453" s="26" t="s">
        <v>25</v>
      </c>
      <c r="B2453" t="s">
        <v>35</v>
      </c>
      <c r="C2453" t="s">
        <v>35</v>
      </c>
    </row>
    <row r="2454" spans="1:25" x14ac:dyDescent="0.2">
      <c r="B2454" s="70" t="s">
        <v>283</v>
      </c>
      <c r="C2454" s="71"/>
      <c r="D2454" s="71"/>
      <c r="E2454" s="71"/>
      <c r="F2454" s="71"/>
      <c r="G2454" s="71"/>
      <c r="H2454" s="71"/>
      <c r="I2454" s="71"/>
      <c r="J2454" s="71"/>
      <c r="K2454" s="71"/>
      <c r="L2454" s="71"/>
      <c r="M2454" s="71"/>
      <c r="N2454" s="71"/>
      <c r="O2454" s="71"/>
      <c r="P2454" s="71"/>
      <c r="Q2454" s="71"/>
      <c r="R2454" s="71"/>
      <c r="S2454" s="71"/>
      <c r="T2454" s="71"/>
      <c r="U2454" s="71"/>
      <c r="V2454" s="71"/>
      <c r="W2454" s="71"/>
      <c r="X2454" s="71"/>
      <c r="Y2454" s="71"/>
    </row>
    <row r="2455" spans="1:25" s="32" customFormat="1" ht="68.849999999999994" customHeight="1" x14ac:dyDescent="0.15">
      <c r="A2455" s="31"/>
      <c r="D2455" s="33" t="s">
        <v>341</v>
      </c>
      <c r="E2455" s="36" t="s">
        <v>691</v>
      </c>
      <c r="F2455" s="51" t="s">
        <v>692</v>
      </c>
      <c r="G2455" s="51" t="s">
        <v>693</v>
      </c>
      <c r="H2455" s="51" t="s">
        <v>694</v>
      </c>
      <c r="I2455" s="51" t="s">
        <v>695</v>
      </c>
      <c r="J2455" s="51" t="s">
        <v>696</v>
      </c>
      <c r="K2455" s="51" t="s">
        <v>697</v>
      </c>
      <c r="L2455" s="37" t="s">
        <v>689</v>
      </c>
      <c r="M2455" s="35" t="s">
        <v>344</v>
      </c>
    </row>
    <row r="2456" spans="1:25" x14ac:dyDescent="0.2">
      <c r="B2456" s="5"/>
      <c r="C2456" s="40" t="s">
        <v>38</v>
      </c>
      <c r="D2456" s="41">
        <v>1557</v>
      </c>
      <c r="E2456" s="42">
        <v>16.7</v>
      </c>
      <c r="F2456" s="42">
        <v>17.8</v>
      </c>
      <c r="G2456" s="42">
        <v>24.3</v>
      </c>
      <c r="H2456" s="42">
        <v>20.6</v>
      </c>
      <c r="I2456" s="42">
        <v>21.5</v>
      </c>
      <c r="J2456" s="42">
        <v>7.3</v>
      </c>
      <c r="K2456" s="42">
        <v>1.9</v>
      </c>
      <c r="L2456" s="43">
        <v>40.9</v>
      </c>
    </row>
    <row r="2457" spans="1:25" x14ac:dyDescent="0.2">
      <c r="B2457" s="72" t="s">
        <v>37</v>
      </c>
      <c r="C2457" s="38" t="s">
        <v>39</v>
      </c>
      <c r="D2457" s="44">
        <v>475</v>
      </c>
      <c r="E2457" s="45">
        <v>17.100000000000001</v>
      </c>
      <c r="F2457" s="45">
        <v>19.399999999999999</v>
      </c>
      <c r="G2457" s="45">
        <v>23.6</v>
      </c>
      <c r="H2457" s="45">
        <v>24.2</v>
      </c>
      <c r="I2457" s="45">
        <v>23.8</v>
      </c>
      <c r="J2457" s="45">
        <v>12.2</v>
      </c>
      <c r="K2457" s="45">
        <v>2.7</v>
      </c>
      <c r="L2457" s="46">
        <v>37.9</v>
      </c>
    </row>
    <row r="2458" spans="1:25" x14ac:dyDescent="0.2">
      <c r="B2458" s="72"/>
      <c r="C2458" s="38" t="s">
        <v>40</v>
      </c>
      <c r="D2458" s="44">
        <v>259</v>
      </c>
      <c r="E2458" s="45">
        <v>17.8</v>
      </c>
      <c r="F2458" s="45">
        <v>17.399999999999999</v>
      </c>
      <c r="G2458" s="45">
        <v>21.2</v>
      </c>
      <c r="H2458" s="45">
        <v>19.7</v>
      </c>
      <c r="I2458" s="45">
        <v>18.899999999999999</v>
      </c>
      <c r="J2458" s="45">
        <v>6.2</v>
      </c>
      <c r="K2458" s="45">
        <v>1.5</v>
      </c>
      <c r="L2458" s="46">
        <v>45.9</v>
      </c>
    </row>
    <row r="2459" spans="1:25" x14ac:dyDescent="0.2">
      <c r="B2459" s="72"/>
      <c r="C2459" s="38" t="s">
        <v>41</v>
      </c>
      <c r="D2459" s="44">
        <v>56</v>
      </c>
      <c r="E2459" s="45">
        <v>8.9</v>
      </c>
      <c r="F2459" s="45">
        <v>7.1</v>
      </c>
      <c r="G2459" s="45">
        <v>19.600000000000001</v>
      </c>
      <c r="H2459" s="45">
        <v>16.100000000000001</v>
      </c>
      <c r="I2459" s="45">
        <v>21.4</v>
      </c>
      <c r="J2459" s="45">
        <v>5.4</v>
      </c>
      <c r="K2459" s="45">
        <v>0</v>
      </c>
      <c r="L2459" s="46">
        <v>53.6</v>
      </c>
    </row>
    <row r="2460" spans="1:25" x14ac:dyDescent="0.2">
      <c r="B2460" s="72"/>
      <c r="C2460" s="38" t="s">
        <v>42</v>
      </c>
      <c r="D2460" s="44">
        <v>91</v>
      </c>
      <c r="E2460" s="45">
        <v>16.5</v>
      </c>
      <c r="F2460" s="45">
        <v>18.7</v>
      </c>
      <c r="G2460" s="45">
        <v>18.7</v>
      </c>
      <c r="H2460" s="45">
        <v>16.5</v>
      </c>
      <c r="I2460" s="45">
        <v>22</v>
      </c>
      <c r="J2460" s="45">
        <v>1.1000000000000001</v>
      </c>
      <c r="K2460" s="45">
        <v>3.3</v>
      </c>
      <c r="L2460" s="46">
        <v>47.3</v>
      </c>
    </row>
    <row r="2461" spans="1:25" x14ac:dyDescent="0.2">
      <c r="B2461" s="72"/>
      <c r="C2461" s="38" t="s">
        <v>43</v>
      </c>
      <c r="D2461" s="44">
        <v>71</v>
      </c>
      <c r="E2461" s="45">
        <v>14.1</v>
      </c>
      <c r="F2461" s="45">
        <v>18.3</v>
      </c>
      <c r="G2461" s="45">
        <v>28.2</v>
      </c>
      <c r="H2461" s="45">
        <v>15.5</v>
      </c>
      <c r="I2461" s="45">
        <v>25.4</v>
      </c>
      <c r="J2461" s="45">
        <v>4.2</v>
      </c>
      <c r="K2461" s="45">
        <v>1.4</v>
      </c>
      <c r="L2461" s="46">
        <v>43.7</v>
      </c>
    </row>
    <row r="2462" spans="1:25" x14ac:dyDescent="0.2">
      <c r="B2462" s="72"/>
      <c r="C2462" s="38" t="s">
        <v>44</v>
      </c>
      <c r="D2462" s="44">
        <v>313</v>
      </c>
      <c r="E2462" s="45">
        <v>18.8</v>
      </c>
      <c r="F2462" s="45">
        <v>15</v>
      </c>
      <c r="G2462" s="45">
        <v>24.9</v>
      </c>
      <c r="H2462" s="45">
        <v>19.5</v>
      </c>
      <c r="I2462" s="45">
        <v>19.5</v>
      </c>
      <c r="J2462" s="45">
        <v>3.8</v>
      </c>
      <c r="K2462" s="45">
        <v>1.3</v>
      </c>
      <c r="L2462" s="46">
        <v>41.9</v>
      </c>
    </row>
    <row r="2463" spans="1:25" x14ac:dyDescent="0.2">
      <c r="B2463" s="72"/>
      <c r="C2463" s="38" t="s">
        <v>45</v>
      </c>
      <c r="D2463" s="44">
        <v>90</v>
      </c>
      <c r="E2463" s="45">
        <v>15.6</v>
      </c>
      <c r="F2463" s="45">
        <v>17.8</v>
      </c>
      <c r="G2463" s="45">
        <v>30</v>
      </c>
      <c r="H2463" s="45">
        <v>24.4</v>
      </c>
      <c r="I2463" s="45">
        <v>20</v>
      </c>
      <c r="J2463" s="45">
        <v>8.9</v>
      </c>
      <c r="K2463" s="45">
        <v>1.1000000000000001</v>
      </c>
      <c r="L2463" s="46">
        <v>33.299999999999997</v>
      </c>
    </row>
    <row r="2464" spans="1:25" x14ac:dyDescent="0.2">
      <c r="B2464" s="72"/>
      <c r="C2464" s="38" t="s">
        <v>46</v>
      </c>
      <c r="D2464" s="44">
        <v>37</v>
      </c>
      <c r="E2464" s="45">
        <v>16.2</v>
      </c>
      <c r="F2464" s="45">
        <v>18.899999999999999</v>
      </c>
      <c r="G2464" s="45">
        <v>32.4</v>
      </c>
      <c r="H2464" s="45">
        <v>13.5</v>
      </c>
      <c r="I2464" s="45">
        <v>21.6</v>
      </c>
      <c r="J2464" s="45">
        <v>5.4</v>
      </c>
      <c r="K2464" s="45">
        <v>5.4</v>
      </c>
      <c r="L2464" s="46">
        <v>32.4</v>
      </c>
    </row>
    <row r="2465" spans="1:25" x14ac:dyDescent="0.2">
      <c r="B2465" s="72"/>
      <c r="C2465" s="38" t="s">
        <v>47</v>
      </c>
      <c r="D2465" s="44">
        <v>165</v>
      </c>
      <c r="E2465" s="45">
        <v>14.5</v>
      </c>
      <c r="F2465" s="45">
        <v>21.8</v>
      </c>
      <c r="G2465" s="45">
        <v>28.5</v>
      </c>
      <c r="H2465" s="45">
        <v>18.8</v>
      </c>
      <c r="I2465" s="45">
        <v>21.2</v>
      </c>
      <c r="J2465" s="45">
        <v>6.7</v>
      </c>
      <c r="K2465" s="45">
        <v>1.2</v>
      </c>
      <c r="L2465" s="46">
        <v>37</v>
      </c>
    </row>
    <row r="2466" spans="1:25" ht="21.6" x14ac:dyDescent="0.2">
      <c r="B2466" s="72"/>
      <c r="C2466" s="39" t="s">
        <v>48</v>
      </c>
      <c r="D2466" s="47">
        <v>823</v>
      </c>
      <c r="E2466" s="48">
        <v>16.2</v>
      </c>
      <c r="F2466" s="48">
        <v>17</v>
      </c>
      <c r="G2466" s="48">
        <v>25.8</v>
      </c>
      <c r="H2466" s="48">
        <v>18.7</v>
      </c>
      <c r="I2466" s="48">
        <v>20.9</v>
      </c>
      <c r="J2466" s="48">
        <v>4.9000000000000004</v>
      </c>
      <c r="K2466" s="48">
        <v>1.6</v>
      </c>
      <c r="L2466" s="49">
        <v>41.1</v>
      </c>
    </row>
    <row r="2467" spans="1:25" x14ac:dyDescent="0.2">
      <c r="B2467" s="7" t="s">
        <v>49</v>
      </c>
      <c r="C2467" s="4" t="s">
        <v>284</v>
      </c>
    </row>
    <row r="2468" spans="1:25" x14ac:dyDescent="0.2">
      <c r="B2468" s="4"/>
      <c r="C2468" s="4" t="s">
        <v>51</v>
      </c>
    </row>
    <row r="2470" spans="1:25" x14ac:dyDescent="0.2">
      <c r="A2470" s="26" t="s">
        <v>25</v>
      </c>
      <c r="B2470" t="s">
        <v>35</v>
      </c>
      <c r="C2470" t="s">
        <v>35</v>
      </c>
    </row>
    <row r="2471" spans="1:25" x14ac:dyDescent="0.2">
      <c r="B2471" s="70" t="s">
        <v>285</v>
      </c>
      <c r="C2471" s="71"/>
      <c r="D2471" s="71"/>
      <c r="E2471" s="71"/>
      <c r="F2471" s="71"/>
      <c r="G2471" s="71"/>
      <c r="H2471" s="71"/>
      <c r="I2471" s="71"/>
      <c r="J2471" s="71"/>
      <c r="K2471" s="71"/>
      <c r="L2471" s="71"/>
      <c r="M2471" s="71"/>
      <c r="N2471" s="71"/>
      <c r="O2471" s="71"/>
      <c r="P2471" s="71"/>
      <c r="Q2471" s="71"/>
      <c r="R2471" s="71"/>
      <c r="S2471" s="71"/>
      <c r="T2471" s="71"/>
      <c r="U2471" s="71"/>
      <c r="V2471" s="71"/>
      <c r="W2471" s="71"/>
      <c r="X2471" s="71"/>
      <c r="Y2471" s="71"/>
    </row>
    <row r="2472" spans="1:25" s="32" customFormat="1" ht="58.05" customHeight="1" x14ac:dyDescent="0.15">
      <c r="A2472" s="31"/>
      <c r="D2472" s="33" t="s">
        <v>341</v>
      </c>
      <c r="E2472" s="36" t="s">
        <v>698</v>
      </c>
      <c r="F2472" s="51" t="s">
        <v>699</v>
      </c>
      <c r="G2472" s="51" t="s">
        <v>700</v>
      </c>
      <c r="H2472" s="51" t="s">
        <v>701</v>
      </c>
      <c r="I2472" s="51" t="s">
        <v>702</v>
      </c>
      <c r="J2472" s="51" t="s">
        <v>703</v>
      </c>
      <c r="K2472" s="51" t="s">
        <v>704</v>
      </c>
      <c r="L2472" s="51" t="s">
        <v>705</v>
      </c>
      <c r="M2472" s="37" t="s">
        <v>706</v>
      </c>
      <c r="N2472" s="35" t="s">
        <v>344</v>
      </c>
    </row>
    <row r="2473" spans="1:25" x14ac:dyDescent="0.2">
      <c r="B2473" s="5"/>
      <c r="C2473" s="40" t="s">
        <v>38</v>
      </c>
      <c r="D2473" s="41">
        <v>4307</v>
      </c>
      <c r="E2473" s="42">
        <v>15.7</v>
      </c>
      <c r="F2473" s="42">
        <v>6.9</v>
      </c>
      <c r="G2473" s="42">
        <v>2.7</v>
      </c>
      <c r="H2473" s="42">
        <v>1.6</v>
      </c>
      <c r="I2473" s="42">
        <v>1.2</v>
      </c>
      <c r="J2473" s="42">
        <v>4.5999999999999996</v>
      </c>
      <c r="K2473" s="42">
        <v>0.7</v>
      </c>
      <c r="L2473" s="42">
        <v>0.7</v>
      </c>
      <c r="M2473" s="43">
        <v>66</v>
      </c>
    </row>
    <row r="2474" spans="1:25" x14ac:dyDescent="0.2">
      <c r="B2474" s="72" t="s">
        <v>37</v>
      </c>
      <c r="C2474" s="38" t="s">
        <v>39</v>
      </c>
      <c r="D2474" s="44">
        <v>1325</v>
      </c>
      <c r="E2474" s="45">
        <v>15.5</v>
      </c>
      <c r="F2474" s="45">
        <v>7.4</v>
      </c>
      <c r="G2474" s="45">
        <v>2.2999999999999998</v>
      </c>
      <c r="H2474" s="45">
        <v>1.4</v>
      </c>
      <c r="I2474" s="45">
        <v>1</v>
      </c>
      <c r="J2474" s="45">
        <v>5.2</v>
      </c>
      <c r="K2474" s="45">
        <v>0.8</v>
      </c>
      <c r="L2474" s="45">
        <v>0.8</v>
      </c>
      <c r="M2474" s="46">
        <v>65.5</v>
      </c>
    </row>
    <row r="2475" spans="1:25" x14ac:dyDescent="0.2">
      <c r="B2475" s="72"/>
      <c r="C2475" s="38" t="s">
        <v>40</v>
      </c>
      <c r="D2475" s="44">
        <v>675</v>
      </c>
      <c r="E2475" s="45">
        <v>19.7</v>
      </c>
      <c r="F2475" s="45">
        <v>5.3</v>
      </c>
      <c r="G2475" s="45">
        <v>2.5</v>
      </c>
      <c r="H2475" s="45">
        <v>2.7</v>
      </c>
      <c r="I2475" s="45">
        <v>1.3</v>
      </c>
      <c r="J2475" s="45">
        <v>3.4</v>
      </c>
      <c r="K2475" s="45">
        <v>0.9</v>
      </c>
      <c r="L2475" s="45">
        <v>0.6</v>
      </c>
      <c r="M2475" s="46">
        <v>63.6</v>
      </c>
    </row>
    <row r="2476" spans="1:25" x14ac:dyDescent="0.2">
      <c r="B2476" s="72"/>
      <c r="C2476" s="38" t="s">
        <v>41</v>
      </c>
      <c r="D2476" s="44">
        <v>168</v>
      </c>
      <c r="E2476" s="45">
        <v>14.9</v>
      </c>
      <c r="F2476" s="45">
        <v>4.8</v>
      </c>
      <c r="G2476" s="45">
        <v>3.6</v>
      </c>
      <c r="H2476" s="45">
        <v>1.2</v>
      </c>
      <c r="I2476" s="45">
        <v>1.2</v>
      </c>
      <c r="J2476" s="45">
        <v>4.2</v>
      </c>
      <c r="K2476" s="45">
        <v>1.2</v>
      </c>
      <c r="L2476" s="45">
        <v>0</v>
      </c>
      <c r="M2476" s="46">
        <v>69</v>
      </c>
    </row>
    <row r="2477" spans="1:25" x14ac:dyDescent="0.2">
      <c r="B2477" s="72"/>
      <c r="C2477" s="38" t="s">
        <v>42</v>
      </c>
      <c r="D2477" s="44">
        <v>290</v>
      </c>
      <c r="E2477" s="45">
        <v>11.7</v>
      </c>
      <c r="F2477" s="45">
        <v>5.9</v>
      </c>
      <c r="G2477" s="45">
        <v>1.4</v>
      </c>
      <c r="H2477" s="45">
        <v>1.7</v>
      </c>
      <c r="I2477" s="45">
        <v>1.4</v>
      </c>
      <c r="J2477" s="45">
        <v>4.0999999999999996</v>
      </c>
      <c r="K2477" s="45">
        <v>0.7</v>
      </c>
      <c r="L2477" s="45">
        <v>1.7</v>
      </c>
      <c r="M2477" s="46">
        <v>71.400000000000006</v>
      </c>
    </row>
    <row r="2478" spans="1:25" x14ac:dyDescent="0.2">
      <c r="B2478" s="72"/>
      <c r="C2478" s="38" t="s">
        <v>43</v>
      </c>
      <c r="D2478" s="44">
        <v>231</v>
      </c>
      <c r="E2478" s="45">
        <v>15.6</v>
      </c>
      <c r="F2478" s="45">
        <v>6.9</v>
      </c>
      <c r="G2478" s="45">
        <v>2.6</v>
      </c>
      <c r="H2478" s="45">
        <v>0.9</v>
      </c>
      <c r="I2478" s="45">
        <v>0.4</v>
      </c>
      <c r="J2478" s="45">
        <v>3</v>
      </c>
      <c r="K2478" s="45">
        <v>0.4</v>
      </c>
      <c r="L2478" s="45">
        <v>1.3</v>
      </c>
      <c r="M2478" s="46">
        <v>68.8</v>
      </c>
    </row>
    <row r="2479" spans="1:25" x14ac:dyDescent="0.2">
      <c r="B2479" s="72"/>
      <c r="C2479" s="38" t="s">
        <v>44</v>
      </c>
      <c r="D2479" s="44">
        <v>800</v>
      </c>
      <c r="E2479" s="45">
        <v>16.600000000000001</v>
      </c>
      <c r="F2479" s="45">
        <v>7.5</v>
      </c>
      <c r="G2479" s="45">
        <v>3.3</v>
      </c>
      <c r="H2479" s="45">
        <v>1.6</v>
      </c>
      <c r="I2479" s="45">
        <v>0.9</v>
      </c>
      <c r="J2479" s="45">
        <v>4.3</v>
      </c>
      <c r="K2479" s="45">
        <v>0.4</v>
      </c>
      <c r="L2479" s="45">
        <v>0.1</v>
      </c>
      <c r="M2479" s="46">
        <v>65.400000000000006</v>
      </c>
    </row>
    <row r="2480" spans="1:25" x14ac:dyDescent="0.2">
      <c r="B2480" s="72"/>
      <c r="C2480" s="38" t="s">
        <v>45</v>
      </c>
      <c r="D2480" s="44">
        <v>240</v>
      </c>
      <c r="E2480" s="45">
        <v>11.7</v>
      </c>
      <c r="F2480" s="45">
        <v>7.1</v>
      </c>
      <c r="G2480" s="45">
        <v>3.8</v>
      </c>
      <c r="H2480" s="45">
        <v>2.5</v>
      </c>
      <c r="I2480" s="45">
        <v>1.3</v>
      </c>
      <c r="J2480" s="45">
        <v>5.4</v>
      </c>
      <c r="K2480" s="45">
        <v>0.4</v>
      </c>
      <c r="L2480" s="45">
        <v>1.3</v>
      </c>
      <c r="M2480" s="46">
        <v>66.7</v>
      </c>
    </row>
    <row r="2481" spans="1:25" x14ac:dyDescent="0.2">
      <c r="B2481" s="72"/>
      <c r="C2481" s="38" t="s">
        <v>46</v>
      </c>
      <c r="D2481" s="44">
        <v>117</v>
      </c>
      <c r="E2481" s="45">
        <v>9.4</v>
      </c>
      <c r="F2481" s="45">
        <v>6.8</v>
      </c>
      <c r="G2481" s="45">
        <v>3.4</v>
      </c>
      <c r="H2481" s="45">
        <v>0</v>
      </c>
      <c r="I2481" s="45">
        <v>0.9</v>
      </c>
      <c r="J2481" s="45">
        <v>6</v>
      </c>
      <c r="K2481" s="45">
        <v>0.9</v>
      </c>
      <c r="L2481" s="45">
        <v>0.9</v>
      </c>
      <c r="M2481" s="46">
        <v>71.8</v>
      </c>
    </row>
    <row r="2482" spans="1:25" x14ac:dyDescent="0.2">
      <c r="B2482" s="72"/>
      <c r="C2482" s="38" t="s">
        <v>47</v>
      </c>
      <c r="D2482" s="44">
        <v>461</v>
      </c>
      <c r="E2482" s="45">
        <v>15</v>
      </c>
      <c r="F2482" s="45">
        <v>7.8</v>
      </c>
      <c r="G2482" s="45">
        <v>3</v>
      </c>
      <c r="H2482" s="45">
        <v>1.3</v>
      </c>
      <c r="I2482" s="45">
        <v>2.2000000000000002</v>
      </c>
      <c r="J2482" s="45">
        <v>5.4</v>
      </c>
      <c r="K2482" s="45">
        <v>0.7</v>
      </c>
      <c r="L2482" s="45">
        <v>0.4</v>
      </c>
      <c r="M2482" s="46">
        <v>64.2</v>
      </c>
    </row>
    <row r="2483" spans="1:25" ht="21.6" x14ac:dyDescent="0.2">
      <c r="B2483" s="72"/>
      <c r="C2483" s="39" t="s">
        <v>48</v>
      </c>
      <c r="D2483" s="47">
        <v>2307</v>
      </c>
      <c r="E2483" s="48">
        <v>14.6</v>
      </c>
      <c r="F2483" s="48">
        <v>7</v>
      </c>
      <c r="G2483" s="48">
        <v>3</v>
      </c>
      <c r="H2483" s="48">
        <v>1.5</v>
      </c>
      <c r="I2483" s="48">
        <v>1.2</v>
      </c>
      <c r="J2483" s="48">
        <v>4.5999999999999996</v>
      </c>
      <c r="K2483" s="48">
        <v>0.6</v>
      </c>
      <c r="L2483" s="48">
        <v>0.7</v>
      </c>
      <c r="M2483" s="49">
        <v>67</v>
      </c>
    </row>
    <row r="2484" spans="1:25" x14ac:dyDescent="0.2">
      <c r="B2484" s="7" t="s">
        <v>49</v>
      </c>
      <c r="C2484" s="4" t="s">
        <v>286</v>
      </c>
    </row>
    <row r="2485" spans="1:25" x14ac:dyDescent="0.2">
      <c r="B2485" s="4"/>
      <c r="C2485" s="4" t="s">
        <v>51</v>
      </c>
    </row>
    <row r="2487" spans="1:25" x14ac:dyDescent="0.2">
      <c r="A2487" s="26" t="s">
        <v>25</v>
      </c>
      <c r="B2487" t="s">
        <v>35</v>
      </c>
      <c r="C2487" t="s">
        <v>35</v>
      </c>
    </row>
    <row r="2488" spans="1:25" x14ac:dyDescent="0.2">
      <c r="B2488" s="70" t="s">
        <v>287</v>
      </c>
      <c r="C2488" s="71"/>
      <c r="D2488" s="71"/>
      <c r="E2488" s="71"/>
      <c r="F2488" s="71"/>
      <c r="G2488" s="71"/>
      <c r="H2488" s="71"/>
      <c r="I2488" s="71"/>
      <c r="J2488" s="71"/>
      <c r="K2488" s="71"/>
      <c r="L2488" s="71"/>
      <c r="M2488" s="71"/>
      <c r="N2488" s="71"/>
      <c r="O2488" s="71"/>
      <c r="P2488" s="71"/>
      <c r="Q2488" s="71"/>
      <c r="R2488" s="71"/>
      <c r="S2488" s="71"/>
      <c r="T2488" s="71"/>
      <c r="U2488" s="71"/>
      <c r="V2488" s="71"/>
      <c r="W2488" s="71"/>
      <c r="X2488" s="71"/>
      <c r="Y2488" s="71"/>
    </row>
    <row r="2489" spans="1:25" s="32" customFormat="1" ht="25.65" customHeight="1" x14ac:dyDescent="0.15">
      <c r="A2489" s="31"/>
      <c r="D2489" s="33" t="s">
        <v>341</v>
      </c>
      <c r="E2489" s="36" t="s">
        <v>669</v>
      </c>
      <c r="F2489" s="51" t="s">
        <v>668</v>
      </c>
      <c r="G2489" s="37" t="s">
        <v>707</v>
      </c>
      <c r="H2489" s="35" t="s">
        <v>344</v>
      </c>
    </row>
    <row r="2490" spans="1:25" x14ac:dyDescent="0.2">
      <c r="B2490" s="5"/>
      <c r="C2490" s="40" t="s">
        <v>38</v>
      </c>
      <c r="D2490" s="41">
        <v>4307</v>
      </c>
      <c r="E2490" s="42">
        <v>28.1</v>
      </c>
      <c r="F2490" s="42">
        <v>5.9</v>
      </c>
      <c r="G2490" s="43">
        <v>66</v>
      </c>
    </row>
    <row r="2491" spans="1:25" x14ac:dyDescent="0.2">
      <c r="B2491" s="72" t="s">
        <v>37</v>
      </c>
      <c r="C2491" s="38" t="s">
        <v>39</v>
      </c>
      <c r="D2491" s="44">
        <v>1325</v>
      </c>
      <c r="E2491" s="45">
        <v>27.7</v>
      </c>
      <c r="F2491" s="45">
        <v>6.8</v>
      </c>
      <c r="G2491" s="46">
        <v>65.5</v>
      </c>
    </row>
    <row r="2492" spans="1:25" x14ac:dyDescent="0.2">
      <c r="B2492" s="72"/>
      <c r="C2492" s="38" t="s">
        <v>40</v>
      </c>
      <c r="D2492" s="44">
        <v>675</v>
      </c>
      <c r="E2492" s="45">
        <v>31.6</v>
      </c>
      <c r="F2492" s="45">
        <v>4.9000000000000004</v>
      </c>
      <c r="G2492" s="46">
        <v>63.6</v>
      </c>
    </row>
    <row r="2493" spans="1:25" x14ac:dyDescent="0.2">
      <c r="B2493" s="72"/>
      <c r="C2493" s="38" t="s">
        <v>41</v>
      </c>
      <c r="D2493" s="44">
        <v>168</v>
      </c>
      <c r="E2493" s="45">
        <v>25.6</v>
      </c>
      <c r="F2493" s="45">
        <v>5.4</v>
      </c>
      <c r="G2493" s="46">
        <v>69</v>
      </c>
    </row>
    <row r="2494" spans="1:25" x14ac:dyDescent="0.2">
      <c r="B2494" s="72"/>
      <c r="C2494" s="38" t="s">
        <v>42</v>
      </c>
      <c r="D2494" s="44">
        <v>290</v>
      </c>
      <c r="E2494" s="45">
        <v>22.1</v>
      </c>
      <c r="F2494" s="45">
        <v>6.6</v>
      </c>
      <c r="G2494" s="46">
        <v>71.400000000000006</v>
      </c>
    </row>
    <row r="2495" spans="1:25" x14ac:dyDescent="0.2">
      <c r="B2495" s="72"/>
      <c r="C2495" s="38" t="s">
        <v>43</v>
      </c>
      <c r="D2495" s="44">
        <v>231</v>
      </c>
      <c r="E2495" s="45">
        <v>26.4</v>
      </c>
      <c r="F2495" s="45">
        <v>4.8</v>
      </c>
      <c r="G2495" s="46">
        <v>68.8</v>
      </c>
    </row>
    <row r="2496" spans="1:25" x14ac:dyDescent="0.2">
      <c r="B2496" s="72"/>
      <c r="C2496" s="38" t="s">
        <v>44</v>
      </c>
      <c r="D2496" s="44">
        <v>800</v>
      </c>
      <c r="E2496" s="45">
        <v>29.9</v>
      </c>
      <c r="F2496" s="45">
        <v>4.8</v>
      </c>
      <c r="G2496" s="46">
        <v>65.400000000000006</v>
      </c>
    </row>
    <row r="2497" spans="1:25" x14ac:dyDescent="0.2">
      <c r="B2497" s="72"/>
      <c r="C2497" s="38" t="s">
        <v>45</v>
      </c>
      <c r="D2497" s="44">
        <v>240</v>
      </c>
      <c r="E2497" s="45">
        <v>26.3</v>
      </c>
      <c r="F2497" s="45">
        <v>7.1</v>
      </c>
      <c r="G2497" s="46">
        <v>66.7</v>
      </c>
    </row>
    <row r="2498" spans="1:25" x14ac:dyDescent="0.2">
      <c r="B2498" s="72"/>
      <c r="C2498" s="38" t="s">
        <v>46</v>
      </c>
      <c r="D2498" s="44">
        <v>117</v>
      </c>
      <c r="E2498" s="45">
        <v>20.5</v>
      </c>
      <c r="F2498" s="45">
        <v>7.7</v>
      </c>
      <c r="G2498" s="46">
        <v>71.8</v>
      </c>
    </row>
    <row r="2499" spans="1:25" x14ac:dyDescent="0.2">
      <c r="B2499" s="72"/>
      <c r="C2499" s="38" t="s">
        <v>47</v>
      </c>
      <c r="D2499" s="44">
        <v>461</v>
      </c>
      <c r="E2499" s="45">
        <v>29.3</v>
      </c>
      <c r="F2499" s="45">
        <v>6.5</v>
      </c>
      <c r="G2499" s="46">
        <v>64.2</v>
      </c>
    </row>
    <row r="2500" spans="1:25" ht="21.6" x14ac:dyDescent="0.2">
      <c r="B2500" s="72"/>
      <c r="C2500" s="39" t="s">
        <v>48</v>
      </c>
      <c r="D2500" s="47">
        <v>2307</v>
      </c>
      <c r="E2500" s="48">
        <v>27.3</v>
      </c>
      <c r="F2500" s="48">
        <v>5.8</v>
      </c>
      <c r="G2500" s="49">
        <v>67</v>
      </c>
    </row>
    <row r="2502" spans="1:25" x14ac:dyDescent="0.2">
      <c r="A2502" s="26" t="s">
        <v>25</v>
      </c>
      <c r="B2502" t="s">
        <v>35</v>
      </c>
      <c r="C2502" t="s">
        <v>35</v>
      </c>
    </row>
    <row r="2503" spans="1:25" x14ac:dyDescent="0.2">
      <c r="B2503" s="70" t="s">
        <v>288</v>
      </c>
      <c r="C2503" s="71"/>
      <c r="D2503" s="71"/>
      <c r="E2503" s="71"/>
      <c r="F2503" s="71"/>
      <c r="G2503" s="71"/>
      <c r="H2503" s="71"/>
      <c r="I2503" s="71"/>
      <c r="J2503" s="71"/>
      <c r="K2503" s="71"/>
      <c r="L2503" s="71"/>
      <c r="M2503" s="71"/>
      <c r="N2503" s="71"/>
      <c r="O2503" s="71"/>
      <c r="P2503" s="71"/>
      <c r="Q2503" s="71"/>
      <c r="R2503" s="71"/>
      <c r="S2503" s="71"/>
      <c r="T2503" s="71"/>
      <c r="U2503" s="71"/>
      <c r="V2503" s="71"/>
      <c r="W2503" s="71"/>
      <c r="X2503" s="71"/>
      <c r="Y2503" s="71"/>
    </row>
    <row r="2504" spans="1:25" s="32" customFormat="1" ht="79.650000000000006" customHeight="1" x14ac:dyDescent="0.15">
      <c r="A2504" s="31"/>
      <c r="D2504" s="33" t="s">
        <v>341</v>
      </c>
      <c r="E2504" s="36" t="s">
        <v>708</v>
      </c>
      <c r="F2504" s="51" t="s">
        <v>709</v>
      </c>
      <c r="G2504" s="51" t="s">
        <v>710</v>
      </c>
      <c r="H2504" s="51" t="s">
        <v>711</v>
      </c>
      <c r="I2504" s="51" t="s">
        <v>712</v>
      </c>
      <c r="J2504" s="51" t="s">
        <v>713</v>
      </c>
      <c r="K2504" s="37" t="s">
        <v>430</v>
      </c>
      <c r="L2504" s="35" t="s">
        <v>344</v>
      </c>
    </row>
    <row r="2505" spans="1:25" x14ac:dyDescent="0.2">
      <c r="B2505" s="5"/>
      <c r="C2505" s="40" t="s">
        <v>38</v>
      </c>
      <c r="D2505" s="41">
        <v>4307</v>
      </c>
      <c r="E2505" s="42">
        <v>59.5</v>
      </c>
      <c r="F2505" s="42">
        <v>15</v>
      </c>
      <c r="G2505" s="42">
        <v>8.3000000000000007</v>
      </c>
      <c r="H2505" s="42">
        <v>2.8</v>
      </c>
      <c r="I2505" s="42">
        <v>7.8</v>
      </c>
      <c r="J2505" s="42">
        <v>6.5</v>
      </c>
      <c r="K2505" s="43">
        <v>0.2</v>
      </c>
    </row>
    <row r="2506" spans="1:25" x14ac:dyDescent="0.2">
      <c r="B2506" s="72" t="s">
        <v>37</v>
      </c>
      <c r="C2506" s="38" t="s">
        <v>39</v>
      </c>
      <c r="D2506" s="44">
        <v>1325</v>
      </c>
      <c r="E2506" s="45">
        <v>60.5</v>
      </c>
      <c r="F2506" s="45">
        <v>13.9</v>
      </c>
      <c r="G2506" s="45">
        <v>8</v>
      </c>
      <c r="H2506" s="45">
        <v>2.9</v>
      </c>
      <c r="I2506" s="45">
        <v>7.5</v>
      </c>
      <c r="J2506" s="45">
        <v>7.2</v>
      </c>
      <c r="K2506" s="46">
        <v>0.1</v>
      </c>
    </row>
    <row r="2507" spans="1:25" x14ac:dyDescent="0.2">
      <c r="B2507" s="72"/>
      <c r="C2507" s="38" t="s">
        <v>40</v>
      </c>
      <c r="D2507" s="44">
        <v>675</v>
      </c>
      <c r="E2507" s="45">
        <v>59.6</v>
      </c>
      <c r="F2507" s="45">
        <v>14.1</v>
      </c>
      <c r="G2507" s="45">
        <v>8.1</v>
      </c>
      <c r="H2507" s="45">
        <v>2.4</v>
      </c>
      <c r="I2507" s="45">
        <v>9.3000000000000007</v>
      </c>
      <c r="J2507" s="45">
        <v>6.4</v>
      </c>
      <c r="K2507" s="46">
        <v>0.1</v>
      </c>
    </row>
    <row r="2508" spans="1:25" x14ac:dyDescent="0.2">
      <c r="B2508" s="72"/>
      <c r="C2508" s="38" t="s">
        <v>41</v>
      </c>
      <c r="D2508" s="44">
        <v>168</v>
      </c>
      <c r="E2508" s="45">
        <v>48.8</v>
      </c>
      <c r="F2508" s="45">
        <v>23.2</v>
      </c>
      <c r="G2508" s="45">
        <v>8.3000000000000007</v>
      </c>
      <c r="H2508" s="45">
        <v>1.8</v>
      </c>
      <c r="I2508" s="45">
        <v>7.7</v>
      </c>
      <c r="J2508" s="45">
        <v>10.1</v>
      </c>
      <c r="K2508" s="46">
        <v>0</v>
      </c>
    </row>
    <row r="2509" spans="1:25" x14ac:dyDescent="0.2">
      <c r="B2509" s="72"/>
      <c r="C2509" s="38" t="s">
        <v>42</v>
      </c>
      <c r="D2509" s="44">
        <v>290</v>
      </c>
      <c r="E2509" s="45">
        <v>61.4</v>
      </c>
      <c r="F2509" s="45">
        <v>14.5</v>
      </c>
      <c r="G2509" s="45">
        <v>10</v>
      </c>
      <c r="H2509" s="45">
        <v>2.4</v>
      </c>
      <c r="I2509" s="45">
        <v>8.6</v>
      </c>
      <c r="J2509" s="45">
        <v>3.1</v>
      </c>
      <c r="K2509" s="46">
        <v>0</v>
      </c>
    </row>
    <row r="2510" spans="1:25" x14ac:dyDescent="0.2">
      <c r="B2510" s="72"/>
      <c r="C2510" s="38" t="s">
        <v>43</v>
      </c>
      <c r="D2510" s="44">
        <v>231</v>
      </c>
      <c r="E2510" s="45">
        <v>58.9</v>
      </c>
      <c r="F2510" s="45">
        <v>18.600000000000001</v>
      </c>
      <c r="G2510" s="45">
        <v>8.6999999999999993</v>
      </c>
      <c r="H2510" s="45">
        <v>1.7</v>
      </c>
      <c r="I2510" s="45">
        <v>7.8</v>
      </c>
      <c r="J2510" s="45">
        <v>3.9</v>
      </c>
      <c r="K2510" s="46">
        <v>0.4</v>
      </c>
    </row>
    <row r="2511" spans="1:25" x14ac:dyDescent="0.2">
      <c r="B2511" s="72"/>
      <c r="C2511" s="38" t="s">
        <v>44</v>
      </c>
      <c r="D2511" s="44">
        <v>800</v>
      </c>
      <c r="E2511" s="45">
        <v>57.1</v>
      </c>
      <c r="F2511" s="45">
        <v>16.600000000000001</v>
      </c>
      <c r="G2511" s="45">
        <v>9.8000000000000007</v>
      </c>
      <c r="H2511" s="45">
        <v>3.1</v>
      </c>
      <c r="I2511" s="45">
        <v>5.8</v>
      </c>
      <c r="J2511" s="45">
        <v>7.4</v>
      </c>
      <c r="K2511" s="46">
        <v>0.3</v>
      </c>
    </row>
    <row r="2512" spans="1:25" x14ac:dyDescent="0.2">
      <c r="B2512" s="72"/>
      <c r="C2512" s="38" t="s">
        <v>45</v>
      </c>
      <c r="D2512" s="44">
        <v>240</v>
      </c>
      <c r="E2512" s="45">
        <v>58.8</v>
      </c>
      <c r="F2512" s="45">
        <v>12.5</v>
      </c>
      <c r="G2512" s="45">
        <v>12.1</v>
      </c>
      <c r="H2512" s="45">
        <v>4.2</v>
      </c>
      <c r="I2512" s="45">
        <v>8.3000000000000007</v>
      </c>
      <c r="J2512" s="45">
        <v>4.2</v>
      </c>
      <c r="K2512" s="46">
        <v>0</v>
      </c>
    </row>
    <row r="2513" spans="1:25" x14ac:dyDescent="0.2">
      <c r="B2513" s="72"/>
      <c r="C2513" s="38" t="s">
        <v>46</v>
      </c>
      <c r="D2513" s="44">
        <v>117</v>
      </c>
      <c r="E2513" s="45">
        <v>59.8</v>
      </c>
      <c r="F2513" s="45">
        <v>16.2</v>
      </c>
      <c r="G2513" s="45">
        <v>5.0999999999999996</v>
      </c>
      <c r="H2513" s="45">
        <v>3.4</v>
      </c>
      <c r="I2513" s="45">
        <v>7.7</v>
      </c>
      <c r="J2513" s="45">
        <v>6</v>
      </c>
      <c r="K2513" s="46">
        <v>1.7</v>
      </c>
    </row>
    <row r="2514" spans="1:25" x14ac:dyDescent="0.2">
      <c r="B2514" s="72"/>
      <c r="C2514" s="38" t="s">
        <v>47</v>
      </c>
      <c r="D2514" s="44">
        <v>461</v>
      </c>
      <c r="E2514" s="45">
        <v>64</v>
      </c>
      <c r="F2514" s="45">
        <v>13.2</v>
      </c>
      <c r="G2514" s="45">
        <v>4.3</v>
      </c>
      <c r="H2514" s="45">
        <v>2.8</v>
      </c>
      <c r="I2514" s="45">
        <v>8.9</v>
      </c>
      <c r="J2514" s="45">
        <v>6.1</v>
      </c>
      <c r="K2514" s="46">
        <v>0.7</v>
      </c>
    </row>
    <row r="2515" spans="1:25" ht="21.6" x14ac:dyDescent="0.2">
      <c r="B2515" s="72"/>
      <c r="C2515" s="39" t="s">
        <v>48</v>
      </c>
      <c r="D2515" s="47">
        <v>2307</v>
      </c>
      <c r="E2515" s="48">
        <v>58.9</v>
      </c>
      <c r="F2515" s="48">
        <v>15.9</v>
      </c>
      <c r="G2515" s="48">
        <v>8.5</v>
      </c>
      <c r="H2515" s="48">
        <v>2.9</v>
      </c>
      <c r="I2515" s="48">
        <v>7.5</v>
      </c>
      <c r="J2515" s="48">
        <v>6</v>
      </c>
      <c r="K2515" s="49">
        <v>0.3</v>
      </c>
    </row>
    <row r="2516" spans="1:25" x14ac:dyDescent="0.2">
      <c r="B2516" s="7" t="s">
        <v>49</v>
      </c>
      <c r="C2516" s="4" t="s">
        <v>289</v>
      </c>
    </row>
    <row r="2517" spans="1:25" x14ac:dyDescent="0.2">
      <c r="B2517" s="4"/>
      <c r="C2517" s="4" t="s">
        <v>51</v>
      </c>
    </row>
    <row r="2519" spans="1:25" x14ac:dyDescent="0.2">
      <c r="A2519" s="26" t="s">
        <v>25</v>
      </c>
      <c r="B2519" t="s">
        <v>35</v>
      </c>
      <c r="C2519" t="s">
        <v>35</v>
      </c>
    </row>
    <row r="2520" spans="1:25" x14ac:dyDescent="0.2">
      <c r="B2520" s="70" t="s">
        <v>290</v>
      </c>
      <c r="C2520" s="71"/>
      <c r="D2520" s="71"/>
      <c r="E2520" s="71"/>
      <c r="F2520" s="71"/>
      <c r="G2520" s="71"/>
      <c r="H2520" s="71"/>
      <c r="I2520" s="71"/>
      <c r="J2520" s="71"/>
      <c r="K2520" s="71"/>
      <c r="L2520" s="71"/>
      <c r="M2520" s="71"/>
      <c r="N2520" s="71"/>
      <c r="O2520" s="71"/>
      <c r="P2520" s="71"/>
      <c r="Q2520" s="71"/>
      <c r="R2520" s="71"/>
      <c r="S2520" s="71"/>
      <c r="T2520" s="71"/>
      <c r="U2520" s="71"/>
      <c r="V2520" s="71"/>
      <c r="W2520" s="71"/>
      <c r="X2520" s="71"/>
      <c r="Y2520" s="71"/>
    </row>
    <row r="2521" spans="1:25" s="32" customFormat="1" ht="79.650000000000006" customHeight="1" x14ac:dyDescent="0.15">
      <c r="A2521" s="31"/>
      <c r="D2521" s="33" t="s">
        <v>341</v>
      </c>
      <c r="E2521" s="36" t="s">
        <v>714</v>
      </c>
      <c r="F2521" s="51" t="s">
        <v>715</v>
      </c>
      <c r="G2521" s="51" t="s">
        <v>716</v>
      </c>
      <c r="H2521" s="51" t="s">
        <v>717</v>
      </c>
      <c r="I2521" s="51" t="s">
        <v>718</v>
      </c>
      <c r="J2521" s="51" t="s">
        <v>719</v>
      </c>
      <c r="K2521" s="51" t="s">
        <v>720</v>
      </c>
      <c r="L2521" s="51" t="s">
        <v>721</v>
      </c>
      <c r="M2521" s="51" t="s">
        <v>722</v>
      </c>
      <c r="N2521" s="51" t="s">
        <v>430</v>
      </c>
      <c r="O2521" s="37" t="s">
        <v>690</v>
      </c>
      <c r="P2521" s="35" t="s">
        <v>344</v>
      </c>
    </row>
    <row r="2522" spans="1:25" x14ac:dyDescent="0.2">
      <c r="B2522" s="5"/>
      <c r="C2522" s="40" t="s">
        <v>38</v>
      </c>
      <c r="D2522" s="41">
        <v>612</v>
      </c>
      <c r="E2522" s="42">
        <v>4.9000000000000004</v>
      </c>
      <c r="F2522" s="42">
        <v>4.7</v>
      </c>
      <c r="G2522" s="42">
        <v>3.6</v>
      </c>
      <c r="H2522" s="42">
        <v>13.9</v>
      </c>
      <c r="I2522" s="42">
        <v>4.4000000000000004</v>
      </c>
      <c r="J2522" s="42">
        <v>41.2</v>
      </c>
      <c r="K2522" s="42">
        <v>27.3</v>
      </c>
      <c r="L2522" s="42">
        <v>1.5</v>
      </c>
      <c r="M2522" s="42">
        <v>13.4</v>
      </c>
      <c r="N2522" s="42">
        <v>9.3000000000000007</v>
      </c>
      <c r="O2522" s="43">
        <v>10</v>
      </c>
    </row>
    <row r="2523" spans="1:25" x14ac:dyDescent="0.2">
      <c r="B2523" s="72" t="s">
        <v>37</v>
      </c>
      <c r="C2523" s="38" t="s">
        <v>39</v>
      </c>
      <c r="D2523" s="44">
        <v>195</v>
      </c>
      <c r="E2523" s="45">
        <v>3.1</v>
      </c>
      <c r="F2523" s="45">
        <v>3.6</v>
      </c>
      <c r="G2523" s="45">
        <v>3.1</v>
      </c>
      <c r="H2523" s="45">
        <v>13.3</v>
      </c>
      <c r="I2523" s="45">
        <v>2.6</v>
      </c>
      <c r="J2523" s="45">
        <v>42.6</v>
      </c>
      <c r="K2523" s="45">
        <v>33.799999999999997</v>
      </c>
      <c r="L2523" s="45">
        <v>0.5</v>
      </c>
      <c r="M2523" s="45">
        <v>14.9</v>
      </c>
      <c r="N2523" s="45">
        <v>7.7</v>
      </c>
      <c r="O2523" s="46">
        <v>12.3</v>
      </c>
    </row>
    <row r="2524" spans="1:25" x14ac:dyDescent="0.2">
      <c r="B2524" s="72"/>
      <c r="C2524" s="38" t="s">
        <v>40</v>
      </c>
      <c r="D2524" s="44">
        <v>106</v>
      </c>
      <c r="E2524" s="45">
        <v>3.8</v>
      </c>
      <c r="F2524" s="45">
        <v>6.6</v>
      </c>
      <c r="G2524" s="45">
        <v>6.6</v>
      </c>
      <c r="H2524" s="45">
        <v>7.5</v>
      </c>
      <c r="I2524" s="45">
        <v>6.6</v>
      </c>
      <c r="J2524" s="45">
        <v>44.3</v>
      </c>
      <c r="K2524" s="45">
        <v>24.5</v>
      </c>
      <c r="L2524" s="45">
        <v>0.9</v>
      </c>
      <c r="M2524" s="45">
        <v>9.4</v>
      </c>
      <c r="N2524" s="45">
        <v>8.5</v>
      </c>
      <c r="O2524" s="46">
        <v>9.4</v>
      </c>
    </row>
    <row r="2525" spans="1:25" x14ac:dyDescent="0.2">
      <c r="B2525" s="72"/>
      <c r="C2525" s="38" t="s">
        <v>41</v>
      </c>
      <c r="D2525" s="44">
        <v>30</v>
      </c>
      <c r="E2525" s="45">
        <v>6.7</v>
      </c>
      <c r="F2525" s="45">
        <v>3.3</v>
      </c>
      <c r="G2525" s="45">
        <v>3.3</v>
      </c>
      <c r="H2525" s="45">
        <v>26.7</v>
      </c>
      <c r="I2525" s="45">
        <v>0</v>
      </c>
      <c r="J2525" s="45">
        <v>30</v>
      </c>
      <c r="K2525" s="45">
        <v>16.7</v>
      </c>
      <c r="L2525" s="45">
        <v>3.3</v>
      </c>
      <c r="M2525" s="45">
        <v>16.7</v>
      </c>
      <c r="N2525" s="45">
        <v>13.3</v>
      </c>
      <c r="O2525" s="46">
        <v>10</v>
      </c>
    </row>
    <row r="2526" spans="1:25" x14ac:dyDescent="0.2">
      <c r="B2526" s="72"/>
      <c r="C2526" s="38" t="s">
        <v>42</v>
      </c>
      <c r="D2526" s="44">
        <v>34</v>
      </c>
      <c r="E2526" s="45">
        <v>5.9</v>
      </c>
      <c r="F2526" s="45">
        <v>11.8</v>
      </c>
      <c r="G2526" s="45">
        <v>5.9</v>
      </c>
      <c r="H2526" s="45">
        <v>14.7</v>
      </c>
      <c r="I2526" s="45">
        <v>2.9</v>
      </c>
      <c r="J2526" s="45">
        <v>47.1</v>
      </c>
      <c r="K2526" s="45">
        <v>26.5</v>
      </c>
      <c r="L2526" s="45">
        <v>0</v>
      </c>
      <c r="M2526" s="45">
        <v>5.9</v>
      </c>
      <c r="N2526" s="45">
        <v>8.8000000000000007</v>
      </c>
      <c r="O2526" s="46">
        <v>8.8000000000000007</v>
      </c>
    </row>
    <row r="2527" spans="1:25" x14ac:dyDescent="0.2">
      <c r="B2527" s="72"/>
      <c r="C2527" s="38" t="s">
        <v>43</v>
      </c>
      <c r="D2527" s="44">
        <v>27</v>
      </c>
      <c r="E2527" s="45">
        <v>11.1</v>
      </c>
      <c r="F2527" s="45">
        <v>3.7</v>
      </c>
      <c r="G2527" s="45">
        <v>0</v>
      </c>
      <c r="H2527" s="45">
        <v>11.1</v>
      </c>
      <c r="I2527" s="45">
        <v>11.1</v>
      </c>
      <c r="J2527" s="45">
        <v>44.4</v>
      </c>
      <c r="K2527" s="45">
        <v>22.2</v>
      </c>
      <c r="L2527" s="45">
        <v>0</v>
      </c>
      <c r="M2527" s="45">
        <v>7.4</v>
      </c>
      <c r="N2527" s="45">
        <v>18.5</v>
      </c>
      <c r="O2527" s="46">
        <v>3.7</v>
      </c>
    </row>
    <row r="2528" spans="1:25" x14ac:dyDescent="0.2">
      <c r="B2528" s="72"/>
      <c r="C2528" s="38" t="s">
        <v>44</v>
      </c>
      <c r="D2528" s="44">
        <v>105</v>
      </c>
      <c r="E2528" s="45">
        <v>7.6</v>
      </c>
      <c r="F2528" s="45">
        <v>3.8</v>
      </c>
      <c r="G2528" s="45">
        <v>2.9</v>
      </c>
      <c r="H2528" s="45">
        <v>14.3</v>
      </c>
      <c r="I2528" s="45">
        <v>4.8</v>
      </c>
      <c r="J2528" s="45">
        <v>46.7</v>
      </c>
      <c r="K2528" s="45">
        <v>21.9</v>
      </c>
      <c r="L2528" s="45">
        <v>1</v>
      </c>
      <c r="M2528" s="45">
        <v>12.4</v>
      </c>
      <c r="N2528" s="45">
        <v>9.5</v>
      </c>
      <c r="O2528" s="46">
        <v>9.5</v>
      </c>
    </row>
    <row r="2529" spans="1:25" x14ac:dyDescent="0.2">
      <c r="B2529" s="72"/>
      <c r="C2529" s="38" t="s">
        <v>45</v>
      </c>
      <c r="D2529" s="44">
        <v>30</v>
      </c>
      <c r="E2529" s="45">
        <v>3.3</v>
      </c>
      <c r="F2529" s="45">
        <v>3.3</v>
      </c>
      <c r="G2529" s="45">
        <v>3.3</v>
      </c>
      <c r="H2529" s="45">
        <v>20</v>
      </c>
      <c r="I2529" s="45">
        <v>6.7</v>
      </c>
      <c r="J2529" s="45">
        <v>26.7</v>
      </c>
      <c r="K2529" s="45">
        <v>16.7</v>
      </c>
      <c r="L2529" s="45">
        <v>6.7</v>
      </c>
      <c r="M2529" s="45">
        <v>30</v>
      </c>
      <c r="N2529" s="45">
        <v>13.3</v>
      </c>
      <c r="O2529" s="46">
        <v>6.7</v>
      </c>
    </row>
    <row r="2530" spans="1:25" x14ac:dyDescent="0.2">
      <c r="B2530" s="72"/>
      <c r="C2530" s="38" t="s">
        <v>46</v>
      </c>
      <c r="D2530" s="44">
        <v>16</v>
      </c>
      <c r="E2530" s="45">
        <v>6.3</v>
      </c>
      <c r="F2530" s="45">
        <v>0</v>
      </c>
      <c r="G2530" s="45">
        <v>0</v>
      </c>
      <c r="H2530" s="45">
        <v>25</v>
      </c>
      <c r="I2530" s="45">
        <v>0</v>
      </c>
      <c r="J2530" s="45">
        <v>37.5</v>
      </c>
      <c r="K2530" s="45">
        <v>31.3</v>
      </c>
      <c r="L2530" s="45">
        <v>0</v>
      </c>
      <c r="M2530" s="45">
        <v>18.8</v>
      </c>
      <c r="N2530" s="45">
        <v>12.5</v>
      </c>
      <c r="O2530" s="46">
        <v>0</v>
      </c>
    </row>
    <row r="2531" spans="1:25" x14ac:dyDescent="0.2">
      <c r="B2531" s="72"/>
      <c r="C2531" s="38" t="s">
        <v>47</v>
      </c>
      <c r="D2531" s="44">
        <v>69</v>
      </c>
      <c r="E2531" s="45">
        <v>4.3</v>
      </c>
      <c r="F2531" s="45">
        <v>5.8</v>
      </c>
      <c r="G2531" s="45">
        <v>2.9</v>
      </c>
      <c r="H2531" s="45">
        <v>14.5</v>
      </c>
      <c r="I2531" s="45">
        <v>5.8</v>
      </c>
      <c r="J2531" s="45">
        <v>31.9</v>
      </c>
      <c r="K2531" s="45">
        <v>31.9</v>
      </c>
      <c r="L2531" s="45">
        <v>4.3</v>
      </c>
      <c r="M2531" s="45">
        <v>13</v>
      </c>
      <c r="N2531" s="45">
        <v>7.2</v>
      </c>
      <c r="O2531" s="46">
        <v>11.6</v>
      </c>
    </row>
    <row r="2532" spans="1:25" ht="21.6" x14ac:dyDescent="0.2">
      <c r="B2532" s="72"/>
      <c r="C2532" s="39" t="s">
        <v>48</v>
      </c>
      <c r="D2532" s="47">
        <v>311</v>
      </c>
      <c r="E2532" s="48">
        <v>6.4</v>
      </c>
      <c r="F2532" s="48">
        <v>4.8</v>
      </c>
      <c r="G2532" s="48">
        <v>2.9</v>
      </c>
      <c r="H2532" s="48">
        <v>16.399999999999999</v>
      </c>
      <c r="I2532" s="48">
        <v>4.8</v>
      </c>
      <c r="J2532" s="48">
        <v>39.200000000000003</v>
      </c>
      <c r="K2532" s="48">
        <v>24.1</v>
      </c>
      <c r="L2532" s="48">
        <v>2.2999999999999998</v>
      </c>
      <c r="M2532" s="48">
        <v>13.8</v>
      </c>
      <c r="N2532" s="48">
        <v>10.6</v>
      </c>
      <c r="O2532" s="49">
        <v>8.6999999999999993</v>
      </c>
    </row>
    <row r="2533" spans="1:25" x14ac:dyDescent="0.2">
      <c r="B2533" s="7" t="s">
        <v>49</v>
      </c>
      <c r="C2533" s="4" t="s">
        <v>291</v>
      </c>
    </row>
    <row r="2534" spans="1:25" x14ac:dyDescent="0.2">
      <c r="B2534" s="4"/>
      <c r="C2534" s="4" t="s">
        <v>51</v>
      </c>
    </row>
    <row r="2536" spans="1:25" x14ac:dyDescent="0.2">
      <c r="A2536" s="26" t="s">
        <v>25</v>
      </c>
      <c r="B2536" t="s">
        <v>35</v>
      </c>
      <c r="C2536" t="s">
        <v>35</v>
      </c>
    </row>
    <row r="2537" spans="1:25" x14ac:dyDescent="0.2">
      <c r="B2537" s="70" t="s">
        <v>292</v>
      </c>
      <c r="C2537" s="71"/>
      <c r="D2537" s="71"/>
      <c r="E2537" s="71"/>
      <c r="F2537" s="71"/>
      <c r="G2537" s="71"/>
      <c r="H2537" s="71"/>
      <c r="I2537" s="71"/>
      <c r="J2537" s="71"/>
      <c r="K2537" s="71"/>
      <c r="L2537" s="71"/>
      <c r="M2537" s="71"/>
      <c r="N2537" s="71"/>
      <c r="O2537" s="71"/>
      <c r="P2537" s="71"/>
      <c r="Q2537" s="71"/>
      <c r="R2537" s="71"/>
      <c r="S2537" s="71"/>
      <c r="T2537" s="71"/>
      <c r="U2537" s="71"/>
      <c r="V2537" s="71"/>
      <c r="W2537" s="71"/>
      <c r="X2537" s="71"/>
      <c r="Y2537" s="71"/>
    </row>
    <row r="2538" spans="1:25" s="32" customFormat="1" ht="47.25" customHeight="1" x14ac:dyDescent="0.15">
      <c r="A2538" s="31"/>
      <c r="D2538" s="33" t="s">
        <v>341</v>
      </c>
      <c r="E2538" s="36" t="s">
        <v>723</v>
      </c>
      <c r="F2538" s="51" t="s">
        <v>724</v>
      </c>
      <c r="G2538" s="51" t="s">
        <v>725</v>
      </c>
      <c r="H2538" s="51" t="s">
        <v>726</v>
      </c>
      <c r="I2538" s="51" t="s">
        <v>727</v>
      </c>
      <c r="J2538" s="37" t="s">
        <v>728</v>
      </c>
      <c r="K2538" s="35" t="s">
        <v>344</v>
      </c>
    </row>
    <row r="2539" spans="1:25" x14ac:dyDescent="0.2">
      <c r="B2539" s="5"/>
      <c r="C2539" s="40" t="s">
        <v>38</v>
      </c>
      <c r="D2539" s="41">
        <v>4307</v>
      </c>
      <c r="E2539" s="42">
        <v>1.9</v>
      </c>
      <c r="F2539" s="42">
        <v>29.7</v>
      </c>
      <c r="G2539" s="42">
        <v>11.9</v>
      </c>
      <c r="H2539" s="42">
        <v>10.8</v>
      </c>
      <c r="I2539" s="42">
        <v>40.9</v>
      </c>
      <c r="J2539" s="43">
        <v>4.8</v>
      </c>
    </row>
    <row r="2540" spans="1:25" x14ac:dyDescent="0.2">
      <c r="B2540" s="72" t="s">
        <v>37</v>
      </c>
      <c r="C2540" s="38" t="s">
        <v>39</v>
      </c>
      <c r="D2540" s="44">
        <v>1325</v>
      </c>
      <c r="E2540" s="45">
        <v>1</v>
      </c>
      <c r="F2540" s="45">
        <v>21.4</v>
      </c>
      <c r="G2540" s="45">
        <v>11.8</v>
      </c>
      <c r="H2540" s="45">
        <v>9.4</v>
      </c>
      <c r="I2540" s="45">
        <v>50.7</v>
      </c>
      <c r="J2540" s="46">
        <v>5.7</v>
      </c>
    </row>
    <row r="2541" spans="1:25" x14ac:dyDescent="0.2">
      <c r="B2541" s="72"/>
      <c r="C2541" s="38" t="s">
        <v>40</v>
      </c>
      <c r="D2541" s="44">
        <v>675</v>
      </c>
      <c r="E2541" s="45">
        <v>2.1</v>
      </c>
      <c r="F2541" s="45">
        <v>26.1</v>
      </c>
      <c r="G2541" s="45">
        <v>8.9</v>
      </c>
      <c r="H2541" s="45">
        <v>11.9</v>
      </c>
      <c r="I2541" s="45">
        <v>44.7</v>
      </c>
      <c r="J2541" s="46">
        <v>6.4</v>
      </c>
    </row>
    <row r="2542" spans="1:25" x14ac:dyDescent="0.2">
      <c r="B2542" s="72"/>
      <c r="C2542" s="38" t="s">
        <v>41</v>
      </c>
      <c r="D2542" s="44">
        <v>168</v>
      </c>
      <c r="E2542" s="45">
        <v>1.2</v>
      </c>
      <c r="F2542" s="45">
        <v>38.700000000000003</v>
      </c>
      <c r="G2542" s="45">
        <v>19</v>
      </c>
      <c r="H2542" s="45">
        <v>10.7</v>
      </c>
      <c r="I2542" s="45">
        <v>27.4</v>
      </c>
      <c r="J2542" s="46">
        <v>3</v>
      </c>
    </row>
    <row r="2543" spans="1:25" x14ac:dyDescent="0.2">
      <c r="B2543" s="72"/>
      <c r="C2543" s="38" t="s">
        <v>42</v>
      </c>
      <c r="D2543" s="44">
        <v>290</v>
      </c>
      <c r="E2543" s="45">
        <v>2.1</v>
      </c>
      <c r="F2543" s="45">
        <v>44.8</v>
      </c>
      <c r="G2543" s="45">
        <v>11.7</v>
      </c>
      <c r="H2543" s="45">
        <v>11.4</v>
      </c>
      <c r="I2543" s="45">
        <v>28.3</v>
      </c>
      <c r="J2543" s="46">
        <v>1.7</v>
      </c>
    </row>
    <row r="2544" spans="1:25" x14ac:dyDescent="0.2">
      <c r="B2544" s="72"/>
      <c r="C2544" s="38" t="s">
        <v>43</v>
      </c>
      <c r="D2544" s="44">
        <v>231</v>
      </c>
      <c r="E2544" s="45">
        <v>1.7</v>
      </c>
      <c r="F2544" s="45">
        <v>35.1</v>
      </c>
      <c r="G2544" s="45">
        <v>11.7</v>
      </c>
      <c r="H2544" s="45">
        <v>12.6</v>
      </c>
      <c r="I2544" s="45">
        <v>32.5</v>
      </c>
      <c r="J2544" s="46">
        <v>6.5</v>
      </c>
    </row>
    <row r="2545" spans="1:25" x14ac:dyDescent="0.2">
      <c r="B2545" s="72"/>
      <c r="C2545" s="38" t="s">
        <v>44</v>
      </c>
      <c r="D2545" s="44">
        <v>800</v>
      </c>
      <c r="E2545" s="45">
        <v>3</v>
      </c>
      <c r="F2545" s="45">
        <v>33.5</v>
      </c>
      <c r="G2545" s="45">
        <v>11.9</v>
      </c>
      <c r="H2545" s="45">
        <v>11.5</v>
      </c>
      <c r="I2545" s="45">
        <v>35.6</v>
      </c>
      <c r="J2545" s="46">
        <v>4.5</v>
      </c>
    </row>
    <row r="2546" spans="1:25" x14ac:dyDescent="0.2">
      <c r="B2546" s="72"/>
      <c r="C2546" s="38" t="s">
        <v>45</v>
      </c>
      <c r="D2546" s="44">
        <v>240</v>
      </c>
      <c r="E2546" s="45">
        <v>1.3</v>
      </c>
      <c r="F2546" s="45">
        <v>30</v>
      </c>
      <c r="G2546" s="45">
        <v>14.2</v>
      </c>
      <c r="H2546" s="45">
        <v>12.5</v>
      </c>
      <c r="I2546" s="45">
        <v>36.700000000000003</v>
      </c>
      <c r="J2546" s="46">
        <v>5.4</v>
      </c>
    </row>
    <row r="2547" spans="1:25" x14ac:dyDescent="0.2">
      <c r="B2547" s="72"/>
      <c r="C2547" s="38" t="s">
        <v>46</v>
      </c>
      <c r="D2547" s="44">
        <v>117</v>
      </c>
      <c r="E2547" s="45">
        <v>3.4</v>
      </c>
      <c r="F2547" s="45">
        <v>32.5</v>
      </c>
      <c r="G2547" s="45">
        <v>17.899999999999999</v>
      </c>
      <c r="H2547" s="45">
        <v>9.4</v>
      </c>
      <c r="I2547" s="45">
        <v>34.200000000000003</v>
      </c>
      <c r="J2547" s="46">
        <v>2.6</v>
      </c>
    </row>
    <row r="2548" spans="1:25" x14ac:dyDescent="0.2">
      <c r="B2548" s="72"/>
      <c r="C2548" s="38" t="s">
        <v>47</v>
      </c>
      <c r="D2548" s="44">
        <v>461</v>
      </c>
      <c r="E2548" s="45">
        <v>2.6</v>
      </c>
      <c r="F2548" s="45">
        <v>35.799999999999997</v>
      </c>
      <c r="G2548" s="45">
        <v>11.5</v>
      </c>
      <c r="H2548" s="45">
        <v>10.4</v>
      </c>
      <c r="I2548" s="45">
        <v>37.299999999999997</v>
      </c>
      <c r="J2548" s="46">
        <v>2.4</v>
      </c>
    </row>
    <row r="2549" spans="1:25" ht="21.6" x14ac:dyDescent="0.2">
      <c r="B2549" s="72"/>
      <c r="C2549" s="39" t="s">
        <v>48</v>
      </c>
      <c r="D2549" s="47">
        <v>2307</v>
      </c>
      <c r="E2549" s="48">
        <v>2.4</v>
      </c>
      <c r="F2549" s="48">
        <v>35.5</v>
      </c>
      <c r="G2549" s="48">
        <v>12.8</v>
      </c>
      <c r="H2549" s="48">
        <v>11.3</v>
      </c>
      <c r="I2549" s="48">
        <v>34.200000000000003</v>
      </c>
      <c r="J2549" s="49">
        <v>3.8</v>
      </c>
    </row>
    <row r="2550" spans="1:25" x14ac:dyDescent="0.2">
      <c r="B2550" s="7" t="s">
        <v>49</v>
      </c>
      <c r="C2550" s="4" t="s">
        <v>293</v>
      </c>
    </row>
    <row r="2551" spans="1:25" x14ac:dyDescent="0.2">
      <c r="B2551" s="4"/>
      <c r="C2551" s="4" t="s">
        <v>51</v>
      </c>
    </row>
    <row r="2553" spans="1:25" x14ac:dyDescent="0.2">
      <c r="A2553" s="26" t="s">
        <v>25</v>
      </c>
      <c r="B2553" t="s">
        <v>35</v>
      </c>
      <c r="C2553" t="s">
        <v>35</v>
      </c>
    </row>
    <row r="2554" spans="1:25" x14ac:dyDescent="0.2">
      <c r="B2554" s="70" t="s">
        <v>294</v>
      </c>
      <c r="C2554" s="71"/>
      <c r="D2554" s="71"/>
      <c r="E2554" s="71"/>
      <c r="F2554" s="71"/>
      <c r="G2554" s="71"/>
      <c r="H2554" s="71"/>
      <c r="I2554" s="71"/>
      <c r="J2554" s="71"/>
      <c r="K2554" s="71"/>
      <c r="L2554" s="71"/>
      <c r="M2554" s="71"/>
      <c r="N2554" s="71"/>
      <c r="O2554" s="71"/>
      <c r="P2554" s="71"/>
      <c r="Q2554" s="71"/>
      <c r="R2554" s="71"/>
      <c r="S2554" s="71"/>
      <c r="T2554" s="71"/>
      <c r="U2554" s="71"/>
      <c r="V2554" s="71"/>
      <c r="W2554" s="71"/>
      <c r="X2554" s="71"/>
      <c r="Y2554" s="71"/>
    </row>
    <row r="2555" spans="1:25" s="32" customFormat="1" ht="47.25" customHeight="1" x14ac:dyDescent="0.15">
      <c r="A2555" s="31"/>
      <c r="D2555" s="33" t="s">
        <v>341</v>
      </c>
      <c r="E2555" s="36" t="s">
        <v>729</v>
      </c>
      <c r="F2555" s="51" t="s">
        <v>730</v>
      </c>
      <c r="G2555" s="37" t="s">
        <v>731</v>
      </c>
      <c r="H2555" s="35" t="s">
        <v>344</v>
      </c>
    </row>
    <row r="2556" spans="1:25" x14ac:dyDescent="0.2">
      <c r="B2556" s="5"/>
      <c r="C2556" s="40" t="s">
        <v>38</v>
      </c>
      <c r="D2556" s="41">
        <v>4307</v>
      </c>
      <c r="E2556" s="42">
        <v>31.6</v>
      </c>
      <c r="F2556" s="42">
        <v>22.7</v>
      </c>
      <c r="G2556" s="43">
        <v>45.7</v>
      </c>
    </row>
    <row r="2557" spans="1:25" x14ac:dyDescent="0.2">
      <c r="B2557" s="72" t="s">
        <v>37</v>
      </c>
      <c r="C2557" s="38" t="s">
        <v>39</v>
      </c>
      <c r="D2557" s="44">
        <v>1325</v>
      </c>
      <c r="E2557" s="45">
        <v>22.4</v>
      </c>
      <c r="F2557" s="45">
        <v>21.2</v>
      </c>
      <c r="G2557" s="46">
        <v>56.4</v>
      </c>
    </row>
    <row r="2558" spans="1:25" x14ac:dyDescent="0.2">
      <c r="B2558" s="72"/>
      <c r="C2558" s="38" t="s">
        <v>40</v>
      </c>
      <c r="D2558" s="44">
        <v>675</v>
      </c>
      <c r="E2558" s="45">
        <v>28.1</v>
      </c>
      <c r="F2558" s="45">
        <v>20.7</v>
      </c>
      <c r="G2558" s="46">
        <v>51.1</v>
      </c>
    </row>
    <row r="2559" spans="1:25" x14ac:dyDescent="0.2">
      <c r="B2559" s="72"/>
      <c r="C2559" s="38" t="s">
        <v>41</v>
      </c>
      <c r="D2559" s="44">
        <v>168</v>
      </c>
      <c r="E2559" s="45">
        <v>39.9</v>
      </c>
      <c r="F2559" s="45">
        <v>29.8</v>
      </c>
      <c r="G2559" s="46">
        <v>30.4</v>
      </c>
    </row>
    <row r="2560" spans="1:25" x14ac:dyDescent="0.2">
      <c r="B2560" s="72"/>
      <c r="C2560" s="38" t="s">
        <v>42</v>
      </c>
      <c r="D2560" s="44">
        <v>290</v>
      </c>
      <c r="E2560" s="45">
        <v>46.9</v>
      </c>
      <c r="F2560" s="45">
        <v>23.1</v>
      </c>
      <c r="G2560" s="46">
        <v>30</v>
      </c>
    </row>
    <row r="2561" spans="1:25" x14ac:dyDescent="0.2">
      <c r="B2561" s="72"/>
      <c r="C2561" s="38" t="s">
        <v>43</v>
      </c>
      <c r="D2561" s="44">
        <v>231</v>
      </c>
      <c r="E2561" s="45">
        <v>36.799999999999997</v>
      </c>
      <c r="F2561" s="45">
        <v>24.2</v>
      </c>
      <c r="G2561" s="46">
        <v>39</v>
      </c>
    </row>
    <row r="2562" spans="1:25" x14ac:dyDescent="0.2">
      <c r="B2562" s="72"/>
      <c r="C2562" s="38" t="s">
        <v>44</v>
      </c>
      <c r="D2562" s="44">
        <v>800</v>
      </c>
      <c r="E2562" s="45">
        <v>36.5</v>
      </c>
      <c r="F2562" s="45">
        <v>23.4</v>
      </c>
      <c r="G2562" s="46">
        <v>40.1</v>
      </c>
    </row>
    <row r="2563" spans="1:25" x14ac:dyDescent="0.2">
      <c r="B2563" s="72"/>
      <c r="C2563" s="38" t="s">
        <v>45</v>
      </c>
      <c r="D2563" s="44">
        <v>240</v>
      </c>
      <c r="E2563" s="45">
        <v>31.3</v>
      </c>
      <c r="F2563" s="45">
        <v>26.7</v>
      </c>
      <c r="G2563" s="46">
        <v>42.1</v>
      </c>
    </row>
    <row r="2564" spans="1:25" x14ac:dyDescent="0.2">
      <c r="B2564" s="72"/>
      <c r="C2564" s="38" t="s">
        <v>46</v>
      </c>
      <c r="D2564" s="44">
        <v>117</v>
      </c>
      <c r="E2564" s="45">
        <v>35.9</v>
      </c>
      <c r="F2564" s="45">
        <v>27.4</v>
      </c>
      <c r="G2564" s="46">
        <v>36.799999999999997</v>
      </c>
    </row>
    <row r="2565" spans="1:25" x14ac:dyDescent="0.2">
      <c r="B2565" s="72"/>
      <c r="C2565" s="38" t="s">
        <v>47</v>
      </c>
      <c r="D2565" s="44">
        <v>461</v>
      </c>
      <c r="E2565" s="45">
        <v>38.4</v>
      </c>
      <c r="F2565" s="45">
        <v>21.9</v>
      </c>
      <c r="G2565" s="46">
        <v>39.700000000000003</v>
      </c>
    </row>
    <row r="2566" spans="1:25" ht="21.6" x14ac:dyDescent="0.2">
      <c r="B2566" s="72"/>
      <c r="C2566" s="39" t="s">
        <v>48</v>
      </c>
      <c r="D2566" s="47">
        <v>2307</v>
      </c>
      <c r="E2566" s="48">
        <v>37.9</v>
      </c>
      <c r="F2566" s="48">
        <v>24.1</v>
      </c>
      <c r="G2566" s="49">
        <v>38</v>
      </c>
    </row>
    <row r="2568" spans="1:25" x14ac:dyDescent="0.2">
      <c r="A2568" s="26" t="s">
        <v>25</v>
      </c>
      <c r="B2568" t="s">
        <v>35</v>
      </c>
      <c r="C2568" t="s">
        <v>35</v>
      </c>
    </row>
    <row r="2569" spans="1:25" x14ac:dyDescent="0.2">
      <c r="B2569" s="70" t="s">
        <v>295</v>
      </c>
      <c r="C2569" s="71"/>
      <c r="D2569" s="71"/>
      <c r="E2569" s="71"/>
      <c r="F2569" s="71"/>
      <c r="G2569" s="71"/>
      <c r="H2569" s="71"/>
      <c r="I2569" s="71"/>
      <c r="J2569" s="71"/>
      <c r="K2569" s="71"/>
      <c r="L2569" s="71"/>
      <c r="M2569" s="71"/>
      <c r="N2569" s="71"/>
      <c r="O2569" s="71"/>
      <c r="P2569" s="71"/>
      <c r="Q2569" s="71"/>
      <c r="R2569" s="71"/>
      <c r="S2569" s="71"/>
      <c r="T2569" s="71"/>
      <c r="U2569" s="71"/>
      <c r="V2569" s="71"/>
      <c r="W2569" s="71"/>
      <c r="X2569" s="71"/>
      <c r="Y2569" s="71"/>
    </row>
    <row r="2570" spans="1:25" s="32" customFormat="1" ht="47.25" customHeight="1" x14ac:dyDescent="0.15">
      <c r="A2570" s="31"/>
      <c r="D2570" s="33" t="s">
        <v>341</v>
      </c>
      <c r="E2570" s="36" t="s">
        <v>732</v>
      </c>
      <c r="F2570" s="51" t="s">
        <v>733</v>
      </c>
      <c r="G2570" s="37" t="s">
        <v>734</v>
      </c>
      <c r="H2570" s="35" t="s">
        <v>344</v>
      </c>
    </row>
    <row r="2571" spans="1:25" x14ac:dyDescent="0.2">
      <c r="B2571" s="5"/>
      <c r="C2571" s="40" t="s">
        <v>38</v>
      </c>
      <c r="D2571" s="41">
        <v>4307</v>
      </c>
      <c r="E2571" s="42">
        <v>52.9</v>
      </c>
      <c r="F2571" s="42">
        <v>8.1999999999999993</v>
      </c>
      <c r="G2571" s="43">
        <v>38.9</v>
      </c>
    </row>
    <row r="2572" spans="1:25" x14ac:dyDescent="0.2">
      <c r="B2572" s="72" t="s">
        <v>37</v>
      </c>
      <c r="C2572" s="38" t="s">
        <v>39</v>
      </c>
      <c r="D2572" s="44">
        <v>1325</v>
      </c>
      <c r="E2572" s="45">
        <v>50.7</v>
      </c>
      <c r="F2572" s="45">
        <v>6</v>
      </c>
      <c r="G2572" s="46">
        <v>43.3</v>
      </c>
    </row>
    <row r="2573" spans="1:25" x14ac:dyDescent="0.2">
      <c r="B2573" s="72"/>
      <c r="C2573" s="38" t="s">
        <v>40</v>
      </c>
      <c r="D2573" s="44">
        <v>675</v>
      </c>
      <c r="E2573" s="45">
        <v>52.6</v>
      </c>
      <c r="F2573" s="45">
        <v>10.7</v>
      </c>
      <c r="G2573" s="46">
        <v>36.700000000000003</v>
      </c>
    </row>
    <row r="2574" spans="1:25" x14ac:dyDescent="0.2">
      <c r="B2574" s="72"/>
      <c r="C2574" s="38" t="s">
        <v>41</v>
      </c>
      <c r="D2574" s="44">
        <v>168</v>
      </c>
      <c r="E2574" s="45">
        <v>51.2</v>
      </c>
      <c r="F2574" s="45">
        <v>4.8</v>
      </c>
      <c r="G2574" s="46">
        <v>44</v>
      </c>
    </row>
    <row r="2575" spans="1:25" x14ac:dyDescent="0.2">
      <c r="B2575" s="72"/>
      <c r="C2575" s="38" t="s">
        <v>42</v>
      </c>
      <c r="D2575" s="44">
        <v>290</v>
      </c>
      <c r="E2575" s="45">
        <v>55.2</v>
      </c>
      <c r="F2575" s="45">
        <v>6.2</v>
      </c>
      <c r="G2575" s="46">
        <v>38.6</v>
      </c>
    </row>
    <row r="2576" spans="1:25" x14ac:dyDescent="0.2">
      <c r="B2576" s="72"/>
      <c r="C2576" s="38" t="s">
        <v>43</v>
      </c>
      <c r="D2576" s="44">
        <v>231</v>
      </c>
      <c r="E2576" s="45">
        <v>54.1</v>
      </c>
      <c r="F2576" s="45">
        <v>10.4</v>
      </c>
      <c r="G2576" s="46">
        <v>35.5</v>
      </c>
    </row>
    <row r="2577" spans="1:25" x14ac:dyDescent="0.2">
      <c r="B2577" s="72"/>
      <c r="C2577" s="38" t="s">
        <v>44</v>
      </c>
      <c r="D2577" s="44">
        <v>800</v>
      </c>
      <c r="E2577" s="45">
        <v>54.4</v>
      </c>
      <c r="F2577" s="45">
        <v>9.3000000000000007</v>
      </c>
      <c r="G2577" s="46">
        <v>36.4</v>
      </c>
    </row>
    <row r="2578" spans="1:25" x14ac:dyDescent="0.2">
      <c r="B2578" s="72"/>
      <c r="C2578" s="38" t="s">
        <v>45</v>
      </c>
      <c r="D2578" s="44">
        <v>240</v>
      </c>
      <c r="E2578" s="45">
        <v>52.5</v>
      </c>
      <c r="F2578" s="45">
        <v>9.1999999999999993</v>
      </c>
      <c r="G2578" s="46">
        <v>38.299999999999997</v>
      </c>
    </row>
    <row r="2579" spans="1:25" x14ac:dyDescent="0.2">
      <c r="B2579" s="72"/>
      <c r="C2579" s="38" t="s">
        <v>46</v>
      </c>
      <c r="D2579" s="44">
        <v>117</v>
      </c>
      <c r="E2579" s="45">
        <v>55.6</v>
      </c>
      <c r="F2579" s="45">
        <v>8.5</v>
      </c>
      <c r="G2579" s="46">
        <v>35.9</v>
      </c>
    </row>
    <row r="2580" spans="1:25" x14ac:dyDescent="0.2">
      <c r="B2580" s="72"/>
      <c r="C2580" s="38" t="s">
        <v>47</v>
      </c>
      <c r="D2580" s="44">
        <v>461</v>
      </c>
      <c r="E2580" s="45">
        <v>55.3</v>
      </c>
      <c r="F2580" s="45">
        <v>9.8000000000000007</v>
      </c>
      <c r="G2580" s="46">
        <v>34.9</v>
      </c>
    </row>
    <row r="2581" spans="1:25" ht="21.6" x14ac:dyDescent="0.2">
      <c r="B2581" s="72"/>
      <c r="C2581" s="39" t="s">
        <v>48</v>
      </c>
      <c r="D2581" s="47">
        <v>2307</v>
      </c>
      <c r="E2581" s="48">
        <v>54.3</v>
      </c>
      <c r="F2581" s="48">
        <v>8.6999999999999993</v>
      </c>
      <c r="G2581" s="49">
        <v>37</v>
      </c>
    </row>
    <row r="2582" spans="1:25" x14ac:dyDescent="0.2">
      <c r="B2582" s="7" t="s">
        <v>49</v>
      </c>
      <c r="C2582" s="4" t="s">
        <v>296</v>
      </c>
    </row>
    <row r="2583" spans="1:25" x14ac:dyDescent="0.2">
      <c r="B2583" s="4"/>
      <c r="C2583" s="4" t="s">
        <v>51</v>
      </c>
    </row>
    <row r="2585" spans="1:25" x14ac:dyDescent="0.2">
      <c r="A2585" s="26" t="s">
        <v>25</v>
      </c>
      <c r="B2585" t="s">
        <v>35</v>
      </c>
      <c r="C2585" t="s">
        <v>35</v>
      </c>
    </row>
    <row r="2586" spans="1:25" x14ac:dyDescent="0.2">
      <c r="B2586" s="70" t="s">
        <v>297</v>
      </c>
      <c r="C2586" s="71"/>
      <c r="D2586" s="71"/>
      <c r="E2586" s="71"/>
      <c r="F2586" s="71"/>
      <c r="G2586" s="71"/>
      <c r="H2586" s="71"/>
      <c r="I2586" s="71"/>
      <c r="J2586" s="71"/>
      <c r="K2586" s="71"/>
      <c r="L2586" s="71"/>
      <c r="M2586" s="71"/>
      <c r="N2586" s="71"/>
      <c r="O2586" s="71"/>
      <c r="P2586" s="71"/>
      <c r="Q2586" s="71"/>
      <c r="R2586" s="71"/>
      <c r="S2586" s="71"/>
      <c r="T2586" s="71"/>
      <c r="U2586" s="71"/>
      <c r="V2586" s="71"/>
      <c r="W2586" s="71"/>
      <c r="X2586" s="71"/>
      <c r="Y2586" s="71"/>
    </row>
    <row r="2587" spans="1:25" s="32" customFormat="1" ht="47.25" customHeight="1" x14ac:dyDescent="0.15">
      <c r="A2587" s="31"/>
      <c r="D2587" s="33" t="s">
        <v>341</v>
      </c>
      <c r="E2587" s="36" t="s">
        <v>735</v>
      </c>
      <c r="F2587" s="51" t="s">
        <v>736</v>
      </c>
      <c r="G2587" s="51" t="s">
        <v>737</v>
      </c>
      <c r="H2587" s="51" t="s">
        <v>738</v>
      </c>
      <c r="I2587" s="51" t="s">
        <v>739</v>
      </c>
      <c r="J2587" s="51" t="s">
        <v>740</v>
      </c>
      <c r="K2587" s="51" t="s">
        <v>430</v>
      </c>
      <c r="L2587" s="37" t="s">
        <v>741</v>
      </c>
      <c r="M2587" s="35" t="s">
        <v>344</v>
      </c>
    </row>
    <row r="2588" spans="1:25" x14ac:dyDescent="0.2">
      <c r="B2588" s="5"/>
      <c r="C2588" s="40" t="s">
        <v>38</v>
      </c>
      <c r="D2588" s="41">
        <v>4307</v>
      </c>
      <c r="E2588" s="42">
        <v>51.9</v>
      </c>
      <c r="F2588" s="42">
        <v>37.5</v>
      </c>
      <c r="G2588" s="42">
        <v>25.9</v>
      </c>
      <c r="H2588" s="42">
        <v>0.3</v>
      </c>
      <c r="I2588" s="42">
        <v>2</v>
      </c>
      <c r="J2588" s="42">
        <v>8.3000000000000007</v>
      </c>
      <c r="K2588" s="42">
        <v>1.6</v>
      </c>
      <c r="L2588" s="43">
        <v>21.3</v>
      </c>
    </row>
    <row r="2589" spans="1:25" x14ac:dyDescent="0.2">
      <c r="B2589" s="72" t="s">
        <v>37</v>
      </c>
      <c r="C2589" s="38" t="s">
        <v>39</v>
      </c>
      <c r="D2589" s="44">
        <v>1325</v>
      </c>
      <c r="E2589" s="45">
        <v>49.8</v>
      </c>
      <c r="F2589" s="45">
        <v>33.5</v>
      </c>
      <c r="G2589" s="45">
        <v>22.3</v>
      </c>
      <c r="H2589" s="45">
        <v>0.2</v>
      </c>
      <c r="I2589" s="45">
        <v>1.3</v>
      </c>
      <c r="J2589" s="45">
        <v>8.6</v>
      </c>
      <c r="K2589" s="45">
        <v>1.4</v>
      </c>
      <c r="L2589" s="46">
        <v>25.8</v>
      </c>
    </row>
    <row r="2590" spans="1:25" x14ac:dyDescent="0.2">
      <c r="B2590" s="72"/>
      <c r="C2590" s="38" t="s">
        <v>40</v>
      </c>
      <c r="D2590" s="44">
        <v>675</v>
      </c>
      <c r="E2590" s="45">
        <v>51.4</v>
      </c>
      <c r="F2590" s="45">
        <v>38.200000000000003</v>
      </c>
      <c r="G2590" s="45">
        <v>23.9</v>
      </c>
      <c r="H2590" s="45">
        <v>0</v>
      </c>
      <c r="I2590" s="45">
        <v>1.6</v>
      </c>
      <c r="J2590" s="45">
        <v>7.7</v>
      </c>
      <c r="K2590" s="45">
        <v>2.4</v>
      </c>
      <c r="L2590" s="46">
        <v>20.7</v>
      </c>
    </row>
    <row r="2591" spans="1:25" x14ac:dyDescent="0.2">
      <c r="B2591" s="72"/>
      <c r="C2591" s="38" t="s">
        <v>41</v>
      </c>
      <c r="D2591" s="44">
        <v>168</v>
      </c>
      <c r="E2591" s="45">
        <v>48.8</v>
      </c>
      <c r="F2591" s="45">
        <v>31.5</v>
      </c>
      <c r="G2591" s="45">
        <v>25</v>
      </c>
      <c r="H2591" s="45">
        <v>0.6</v>
      </c>
      <c r="I2591" s="45">
        <v>1.2</v>
      </c>
      <c r="J2591" s="45">
        <v>4.2</v>
      </c>
      <c r="K2591" s="45">
        <v>0.6</v>
      </c>
      <c r="L2591" s="46">
        <v>26.8</v>
      </c>
    </row>
    <row r="2592" spans="1:25" x14ac:dyDescent="0.2">
      <c r="B2592" s="72"/>
      <c r="C2592" s="38" t="s">
        <v>42</v>
      </c>
      <c r="D2592" s="44">
        <v>290</v>
      </c>
      <c r="E2592" s="45">
        <v>53.8</v>
      </c>
      <c r="F2592" s="45">
        <v>39.299999999999997</v>
      </c>
      <c r="G2592" s="45">
        <v>34.799999999999997</v>
      </c>
      <c r="H2592" s="45">
        <v>0</v>
      </c>
      <c r="I2592" s="45">
        <v>5.9</v>
      </c>
      <c r="J2592" s="45">
        <v>9.6999999999999993</v>
      </c>
      <c r="K2592" s="45">
        <v>1.7</v>
      </c>
      <c r="L2592" s="46">
        <v>17.2</v>
      </c>
    </row>
    <row r="2593" spans="1:25" x14ac:dyDescent="0.2">
      <c r="B2593" s="72"/>
      <c r="C2593" s="38" t="s">
        <v>43</v>
      </c>
      <c r="D2593" s="44">
        <v>231</v>
      </c>
      <c r="E2593" s="45">
        <v>52.8</v>
      </c>
      <c r="F2593" s="45">
        <v>43.3</v>
      </c>
      <c r="G2593" s="45">
        <v>29</v>
      </c>
      <c r="H2593" s="45">
        <v>1.3</v>
      </c>
      <c r="I2593" s="45">
        <v>1.3</v>
      </c>
      <c r="J2593" s="45">
        <v>6.1</v>
      </c>
      <c r="K2593" s="45">
        <v>1.7</v>
      </c>
      <c r="L2593" s="46">
        <v>18.2</v>
      </c>
    </row>
    <row r="2594" spans="1:25" x14ac:dyDescent="0.2">
      <c r="B2594" s="72"/>
      <c r="C2594" s="38" t="s">
        <v>44</v>
      </c>
      <c r="D2594" s="44">
        <v>800</v>
      </c>
      <c r="E2594" s="45">
        <v>53.8</v>
      </c>
      <c r="F2594" s="45">
        <v>40.6</v>
      </c>
      <c r="G2594" s="45">
        <v>30.1</v>
      </c>
      <c r="H2594" s="45">
        <v>0.6</v>
      </c>
      <c r="I2594" s="45">
        <v>3.3</v>
      </c>
      <c r="J2594" s="45">
        <v>9.8000000000000007</v>
      </c>
      <c r="K2594" s="45">
        <v>1.6</v>
      </c>
      <c r="L2594" s="46">
        <v>16.899999999999999</v>
      </c>
    </row>
    <row r="2595" spans="1:25" x14ac:dyDescent="0.2">
      <c r="B2595" s="72"/>
      <c r="C2595" s="38" t="s">
        <v>45</v>
      </c>
      <c r="D2595" s="44">
        <v>240</v>
      </c>
      <c r="E2595" s="45">
        <v>51.7</v>
      </c>
      <c r="F2595" s="45">
        <v>39.200000000000003</v>
      </c>
      <c r="G2595" s="45">
        <v>26.7</v>
      </c>
      <c r="H2595" s="45">
        <v>0.4</v>
      </c>
      <c r="I2595" s="45">
        <v>1.7</v>
      </c>
      <c r="J2595" s="45">
        <v>7.9</v>
      </c>
      <c r="K2595" s="45">
        <v>1.3</v>
      </c>
      <c r="L2595" s="46">
        <v>20.8</v>
      </c>
    </row>
    <row r="2596" spans="1:25" x14ac:dyDescent="0.2">
      <c r="B2596" s="72"/>
      <c r="C2596" s="38" t="s">
        <v>46</v>
      </c>
      <c r="D2596" s="44">
        <v>117</v>
      </c>
      <c r="E2596" s="45">
        <v>55.6</v>
      </c>
      <c r="F2596" s="45">
        <v>35</v>
      </c>
      <c r="G2596" s="45">
        <v>31.6</v>
      </c>
      <c r="H2596" s="45">
        <v>0</v>
      </c>
      <c r="I2596" s="45">
        <v>3.4</v>
      </c>
      <c r="J2596" s="45">
        <v>10.3</v>
      </c>
      <c r="K2596" s="45">
        <v>0.9</v>
      </c>
      <c r="L2596" s="46">
        <v>17.100000000000001</v>
      </c>
    </row>
    <row r="2597" spans="1:25" x14ac:dyDescent="0.2">
      <c r="B2597" s="72"/>
      <c r="C2597" s="38" t="s">
        <v>47</v>
      </c>
      <c r="D2597" s="44">
        <v>461</v>
      </c>
      <c r="E2597" s="45">
        <v>54</v>
      </c>
      <c r="F2597" s="45">
        <v>39.9</v>
      </c>
      <c r="G2597" s="45">
        <v>23.4</v>
      </c>
      <c r="H2597" s="45">
        <v>0.4</v>
      </c>
      <c r="I2597" s="45">
        <v>0.9</v>
      </c>
      <c r="J2597" s="45">
        <v>6.9</v>
      </c>
      <c r="K2597" s="45">
        <v>1.7</v>
      </c>
      <c r="L2597" s="46">
        <v>20.399999999999999</v>
      </c>
    </row>
    <row r="2598" spans="1:25" ht="21.6" x14ac:dyDescent="0.2">
      <c r="B2598" s="72"/>
      <c r="C2598" s="39" t="s">
        <v>48</v>
      </c>
      <c r="D2598" s="47">
        <v>2307</v>
      </c>
      <c r="E2598" s="48">
        <v>53.2</v>
      </c>
      <c r="F2598" s="48">
        <v>39.5</v>
      </c>
      <c r="G2598" s="48">
        <v>28.6</v>
      </c>
      <c r="H2598" s="48">
        <v>0.5</v>
      </c>
      <c r="I2598" s="48">
        <v>2.6</v>
      </c>
      <c r="J2598" s="48">
        <v>8.1999999999999993</v>
      </c>
      <c r="K2598" s="48">
        <v>1.5</v>
      </c>
      <c r="L2598" s="49">
        <v>18.899999999999999</v>
      </c>
    </row>
    <row r="2599" spans="1:25" x14ac:dyDescent="0.2">
      <c r="B2599" s="7" t="s">
        <v>49</v>
      </c>
      <c r="C2599" s="4" t="s">
        <v>298</v>
      </c>
    </row>
    <row r="2600" spans="1:25" x14ac:dyDescent="0.2">
      <c r="B2600" s="4"/>
      <c r="C2600" s="4" t="s">
        <v>51</v>
      </c>
    </row>
    <row r="2602" spans="1:25" x14ac:dyDescent="0.2">
      <c r="A2602" s="26" t="s">
        <v>25</v>
      </c>
      <c r="B2602" t="s">
        <v>35</v>
      </c>
      <c r="C2602" t="s">
        <v>35</v>
      </c>
    </row>
    <row r="2603" spans="1:25" x14ac:dyDescent="0.2">
      <c r="B2603" s="70" t="s">
        <v>299</v>
      </c>
      <c r="C2603" s="71"/>
      <c r="D2603" s="71"/>
      <c r="E2603" s="71"/>
      <c r="F2603" s="71"/>
      <c r="G2603" s="71"/>
      <c r="H2603" s="71"/>
      <c r="I2603" s="71"/>
      <c r="J2603" s="71"/>
      <c r="K2603" s="71"/>
      <c r="L2603" s="71"/>
      <c r="M2603" s="71"/>
      <c r="N2603" s="71"/>
      <c r="O2603" s="71"/>
      <c r="P2603" s="71"/>
      <c r="Q2603" s="71"/>
      <c r="R2603" s="71"/>
      <c r="S2603" s="71"/>
      <c r="T2603" s="71"/>
      <c r="U2603" s="71"/>
      <c r="V2603" s="71"/>
      <c r="W2603" s="71"/>
      <c r="X2603" s="71"/>
      <c r="Y2603" s="71"/>
    </row>
    <row r="2604" spans="1:25" s="32" customFormat="1" ht="47.25" customHeight="1" x14ac:dyDescent="0.15">
      <c r="A2604" s="31"/>
      <c r="D2604" s="33" t="s">
        <v>341</v>
      </c>
      <c r="E2604" s="36" t="s">
        <v>742</v>
      </c>
      <c r="F2604" s="51" t="s">
        <v>743</v>
      </c>
      <c r="G2604" s="51" t="s">
        <v>744</v>
      </c>
      <c r="H2604" s="52" t="s">
        <v>350</v>
      </c>
      <c r="I2604" s="53" t="s">
        <v>351</v>
      </c>
      <c r="J2604" s="50" t="s">
        <v>344</v>
      </c>
    </row>
    <row r="2605" spans="1:25" x14ac:dyDescent="0.2">
      <c r="B2605" s="5"/>
      <c r="C2605" s="40" t="s">
        <v>38</v>
      </c>
      <c r="D2605" s="41">
        <v>1613</v>
      </c>
      <c r="E2605" s="42">
        <v>26.2</v>
      </c>
      <c r="F2605" s="42">
        <v>50.7</v>
      </c>
      <c r="G2605" s="42">
        <v>23.1</v>
      </c>
      <c r="H2605" s="42">
        <v>12.6</v>
      </c>
      <c r="I2605" s="54">
        <v>12</v>
      </c>
    </row>
    <row r="2606" spans="1:25" x14ac:dyDescent="0.2">
      <c r="B2606" s="72" t="s">
        <v>37</v>
      </c>
      <c r="C2606" s="38" t="s">
        <v>39</v>
      </c>
      <c r="D2606" s="44">
        <v>444</v>
      </c>
      <c r="E2606" s="45">
        <v>28.8</v>
      </c>
      <c r="F2606" s="45">
        <v>49.1</v>
      </c>
      <c r="G2606" s="45">
        <v>22.1</v>
      </c>
      <c r="H2606" s="45">
        <v>12.3</v>
      </c>
      <c r="I2606" s="55">
        <v>12</v>
      </c>
    </row>
    <row r="2607" spans="1:25" x14ac:dyDescent="0.2">
      <c r="B2607" s="72"/>
      <c r="C2607" s="38" t="s">
        <v>40</v>
      </c>
      <c r="D2607" s="44">
        <v>258</v>
      </c>
      <c r="E2607" s="45">
        <v>22.9</v>
      </c>
      <c r="F2607" s="45">
        <v>52.3</v>
      </c>
      <c r="G2607" s="45">
        <v>24.8</v>
      </c>
      <c r="H2607" s="45">
        <v>13</v>
      </c>
      <c r="I2607" s="55">
        <v>13</v>
      </c>
    </row>
    <row r="2608" spans="1:25" x14ac:dyDescent="0.2">
      <c r="B2608" s="72"/>
      <c r="C2608" s="38" t="s">
        <v>41</v>
      </c>
      <c r="D2608" s="44">
        <v>53</v>
      </c>
      <c r="E2608" s="45">
        <v>18.899999999999999</v>
      </c>
      <c r="F2608" s="45">
        <v>49.1</v>
      </c>
      <c r="G2608" s="45">
        <v>32.1</v>
      </c>
      <c r="H2608" s="45">
        <v>15.3</v>
      </c>
      <c r="I2608" s="55">
        <v>15</v>
      </c>
    </row>
    <row r="2609" spans="1:25" x14ac:dyDescent="0.2">
      <c r="B2609" s="72"/>
      <c r="C2609" s="38" t="s">
        <v>42</v>
      </c>
      <c r="D2609" s="44">
        <v>114</v>
      </c>
      <c r="E2609" s="45">
        <v>22.8</v>
      </c>
      <c r="F2609" s="45">
        <v>54.4</v>
      </c>
      <c r="G2609" s="45">
        <v>22.8</v>
      </c>
      <c r="H2609" s="45">
        <v>13.1</v>
      </c>
      <c r="I2609" s="55">
        <v>12</v>
      </c>
    </row>
    <row r="2610" spans="1:25" x14ac:dyDescent="0.2">
      <c r="B2610" s="72"/>
      <c r="C2610" s="38" t="s">
        <v>43</v>
      </c>
      <c r="D2610" s="44">
        <v>100</v>
      </c>
      <c r="E2610" s="45">
        <v>33</v>
      </c>
      <c r="F2610" s="45">
        <v>41</v>
      </c>
      <c r="G2610" s="45">
        <v>26</v>
      </c>
      <c r="H2610" s="45">
        <v>12.2</v>
      </c>
      <c r="I2610" s="55">
        <v>12</v>
      </c>
    </row>
    <row r="2611" spans="1:25" x14ac:dyDescent="0.2">
      <c r="B2611" s="72"/>
      <c r="C2611" s="38" t="s">
        <v>44</v>
      </c>
      <c r="D2611" s="44">
        <v>325</v>
      </c>
      <c r="E2611" s="45">
        <v>23.1</v>
      </c>
      <c r="F2611" s="45">
        <v>53.2</v>
      </c>
      <c r="G2611" s="45">
        <v>23.7</v>
      </c>
      <c r="H2611" s="45">
        <v>12.8</v>
      </c>
      <c r="I2611" s="55">
        <v>12</v>
      </c>
    </row>
    <row r="2612" spans="1:25" x14ac:dyDescent="0.2">
      <c r="B2612" s="72"/>
      <c r="C2612" s="38" t="s">
        <v>45</v>
      </c>
      <c r="D2612" s="44">
        <v>94</v>
      </c>
      <c r="E2612" s="45">
        <v>27.7</v>
      </c>
      <c r="F2612" s="45">
        <v>54.3</v>
      </c>
      <c r="G2612" s="45">
        <v>18.100000000000001</v>
      </c>
      <c r="H2612" s="45">
        <v>12</v>
      </c>
      <c r="I2612" s="55">
        <v>11</v>
      </c>
    </row>
    <row r="2613" spans="1:25" x14ac:dyDescent="0.2">
      <c r="B2613" s="72"/>
      <c r="C2613" s="38" t="s">
        <v>46</v>
      </c>
      <c r="D2613" s="44">
        <v>41</v>
      </c>
      <c r="E2613" s="45">
        <v>29.3</v>
      </c>
      <c r="F2613" s="45">
        <v>48.8</v>
      </c>
      <c r="G2613" s="45">
        <v>22</v>
      </c>
      <c r="H2613" s="45">
        <v>12.4</v>
      </c>
      <c r="I2613" s="55">
        <v>11</v>
      </c>
    </row>
    <row r="2614" spans="1:25" x14ac:dyDescent="0.2">
      <c r="B2614" s="72"/>
      <c r="C2614" s="38" t="s">
        <v>47</v>
      </c>
      <c r="D2614" s="44">
        <v>184</v>
      </c>
      <c r="E2614" s="45">
        <v>29.3</v>
      </c>
      <c r="F2614" s="45">
        <v>50</v>
      </c>
      <c r="G2614" s="45">
        <v>20.7</v>
      </c>
      <c r="H2614" s="45">
        <v>11.9</v>
      </c>
      <c r="I2614" s="55">
        <v>12</v>
      </c>
    </row>
    <row r="2615" spans="1:25" ht="21.6" x14ac:dyDescent="0.2">
      <c r="B2615" s="72"/>
      <c r="C2615" s="39" t="s">
        <v>48</v>
      </c>
      <c r="D2615" s="47">
        <v>911</v>
      </c>
      <c r="E2615" s="48">
        <v>25.9</v>
      </c>
      <c r="F2615" s="48">
        <v>51</v>
      </c>
      <c r="G2615" s="48">
        <v>23.1</v>
      </c>
      <c r="H2615" s="48">
        <v>12.6</v>
      </c>
      <c r="I2615" s="56">
        <v>12</v>
      </c>
    </row>
    <row r="2617" spans="1:25" x14ac:dyDescent="0.2">
      <c r="A2617" s="26" t="s">
        <v>25</v>
      </c>
      <c r="B2617" t="s">
        <v>35</v>
      </c>
      <c r="C2617" t="s">
        <v>35</v>
      </c>
    </row>
    <row r="2618" spans="1:25" x14ac:dyDescent="0.2">
      <c r="B2618" s="70" t="s">
        <v>300</v>
      </c>
      <c r="C2618" s="71"/>
      <c r="D2618" s="71"/>
      <c r="E2618" s="71"/>
      <c r="F2618" s="71"/>
      <c r="G2618" s="71"/>
      <c r="H2618" s="71"/>
      <c r="I2618" s="71"/>
      <c r="J2618" s="71"/>
      <c r="K2618" s="71"/>
      <c r="L2618" s="71"/>
      <c r="M2618" s="71"/>
      <c r="N2618" s="71"/>
      <c r="O2618" s="71"/>
      <c r="P2618" s="71"/>
      <c r="Q2618" s="71"/>
      <c r="R2618" s="71"/>
      <c r="S2618" s="71"/>
      <c r="T2618" s="71"/>
      <c r="U2618" s="71"/>
      <c r="V2618" s="71"/>
      <c r="W2618" s="71"/>
      <c r="X2618" s="71"/>
      <c r="Y2618" s="71"/>
    </row>
    <row r="2619" spans="1:25" s="32" customFormat="1" ht="25.65" customHeight="1" x14ac:dyDescent="0.15">
      <c r="A2619" s="31"/>
      <c r="D2619" s="33" t="s">
        <v>341</v>
      </c>
      <c r="E2619" s="36" t="s">
        <v>745</v>
      </c>
      <c r="F2619" s="37" t="s">
        <v>746</v>
      </c>
      <c r="G2619" s="35" t="s">
        <v>344</v>
      </c>
    </row>
    <row r="2620" spans="1:25" x14ac:dyDescent="0.2">
      <c r="B2620" s="5"/>
      <c r="C2620" s="40" t="s">
        <v>38</v>
      </c>
      <c r="D2620" s="41">
        <v>4307</v>
      </c>
      <c r="E2620" s="42">
        <v>8.1999999999999993</v>
      </c>
      <c r="F2620" s="43">
        <v>91.8</v>
      </c>
    </row>
    <row r="2621" spans="1:25" x14ac:dyDescent="0.2">
      <c r="B2621" s="72" t="s">
        <v>37</v>
      </c>
      <c r="C2621" s="38" t="s">
        <v>39</v>
      </c>
      <c r="D2621" s="44">
        <v>1325</v>
      </c>
      <c r="E2621" s="45">
        <v>6.5</v>
      </c>
      <c r="F2621" s="46">
        <v>93.5</v>
      </c>
    </row>
    <row r="2622" spans="1:25" x14ac:dyDescent="0.2">
      <c r="B2622" s="72"/>
      <c r="C2622" s="38" t="s">
        <v>40</v>
      </c>
      <c r="D2622" s="44">
        <v>675</v>
      </c>
      <c r="E2622" s="45">
        <v>9.1999999999999993</v>
      </c>
      <c r="F2622" s="46">
        <v>90.8</v>
      </c>
    </row>
    <row r="2623" spans="1:25" x14ac:dyDescent="0.2">
      <c r="B2623" s="72"/>
      <c r="C2623" s="38" t="s">
        <v>41</v>
      </c>
      <c r="D2623" s="44">
        <v>168</v>
      </c>
      <c r="E2623" s="45">
        <v>7.1</v>
      </c>
      <c r="F2623" s="46">
        <v>92.9</v>
      </c>
    </row>
    <row r="2624" spans="1:25" x14ac:dyDescent="0.2">
      <c r="B2624" s="72"/>
      <c r="C2624" s="38" t="s">
        <v>42</v>
      </c>
      <c r="D2624" s="44">
        <v>290</v>
      </c>
      <c r="E2624" s="45">
        <v>9.6999999999999993</v>
      </c>
      <c r="F2624" s="46">
        <v>90.3</v>
      </c>
    </row>
    <row r="2625" spans="1:25" x14ac:dyDescent="0.2">
      <c r="B2625" s="72"/>
      <c r="C2625" s="38" t="s">
        <v>43</v>
      </c>
      <c r="D2625" s="44">
        <v>231</v>
      </c>
      <c r="E2625" s="45">
        <v>8.6999999999999993</v>
      </c>
      <c r="F2625" s="46">
        <v>91.3</v>
      </c>
    </row>
    <row r="2626" spans="1:25" x14ac:dyDescent="0.2">
      <c r="B2626" s="72"/>
      <c r="C2626" s="38" t="s">
        <v>44</v>
      </c>
      <c r="D2626" s="44">
        <v>800</v>
      </c>
      <c r="E2626" s="45">
        <v>9.9</v>
      </c>
      <c r="F2626" s="46">
        <v>90.1</v>
      </c>
    </row>
    <row r="2627" spans="1:25" x14ac:dyDescent="0.2">
      <c r="B2627" s="72"/>
      <c r="C2627" s="38" t="s">
        <v>45</v>
      </c>
      <c r="D2627" s="44">
        <v>240</v>
      </c>
      <c r="E2627" s="45">
        <v>7.5</v>
      </c>
      <c r="F2627" s="46">
        <v>92.5</v>
      </c>
    </row>
    <row r="2628" spans="1:25" x14ac:dyDescent="0.2">
      <c r="B2628" s="72"/>
      <c r="C2628" s="38" t="s">
        <v>46</v>
      </c>
      <c r="D2628" s="44">
        <v>117</v>
      </c>
      <c r="E2628" s="45">
        <v>7.7</v>
      </c>
      <c r="F2628" s="46">
        <v>92.3</v>
      </c>
    </row>
    <row r="2629" spans="1:25" x14ac:dyDescent="0.2">
      <c r="B2629" s="72"/>
      <c r="C2629" s="38" t="s">
        <v>47</v>
      </c>
      <c r="D2629" s="44">
        <v>461</v>
      </c>
      <c r="E2629" s="45">
        <v>8.9</v>
      </c>
      <c r="F2629" s="46">
        <v>91.1</v>
      </c>
    </row>
    <row r="2630" spans="1:25" ht="21.6" x14ac:dyDescent="0.2">
      <c r="B2630" s="72"/>
      <c r="C2630" s="39" t="s">
        <v>48</v>
      </c>
      <c r="D2630" s="47">
        <v>2307</v>
      </c>
      <c r="E2630" s="48">
        <v>9</v>
      </c>
      <c r="F2630" s="49">
        <v>91</v>
      </c>
    </row>
    <row r="2631" spans="1:25" x14ac:dyDescent="0.2">
      <c r="B2631" s="7" t="s">
        <v>49</v>
      </c>
      <c r="C2631" s="4" t="s">
        <v>301</v>
      </c>
    </row>
    <row r="2632" spans="1:25" x14ac:dyDescent="0.2">
      <c r="B2632" s="4"/>
      <c r="C2632" s="4" t="s">
        <v>51</v>
      </c>
    </row>
    <row r="2634" spans="1:25" x14ac:dyDescent="0.2">
      <c r="A2634" s="26" t="s">
        <v>25</v>
      </c>
      <c r="B2634" t="s">
        <v>35</v>
      </c>
      <c r="C2634" t="s">
        <v>35</v>
      </c>
    </row>
    <row r="2635" spans="1:25" x14ac:dyDescent="0.2">
      <c r="B2635" s="70" t="s">
        <v>302</v>
      </c>
      <c r="C2635" s="71"/>
      <c r="D2635" s="71"/>
      <c r="E2635" s="71"/>
      <c r="F2635" s="71"/>
      <c r="G2635" s="71"/>
      <c r="H2635" s="71"/>
      <c r="I2635" s="71"/>
      <c r="J2635" s="71"/>
      <c r="K2635" s="71"/>
      <c r="L2635" s="71"/>
      <c r="M2635" s="71"/>
      <c r="N2635" s="71"/>
      <c r="O2635" s="71"/>
      <c r="P2635" s="71"/>
      <c r="Q2635" s="71"/>
      <c r="R2635" s="71"/>
      <c r="S2635" s="71"/>
      <c r="T2635" s="71"/>
      <c r="U2635" s="71"/>
      <c r="V2635" s="71"/>
      <c r="W2635" s="71"/>
      <c r="X2635" s="71"/>
      <c r="Y2635" s="71"/>
    </row>
    <row r="2636" spans="1:25" s="32" customFormat="1" ht="58.05" customHeight="1" x14ac:dyDescent="0.15">
      <c r="A2636" s="31"/>
      <c r="D2636" s="33" t="s">
        <v>341</v>
      </c>
      <c r="E2636" s="36" t="s">
        <v>747</v>
      </c>
      <c r="F2636" s="51" t="s">
        <v>748</v>
      </c>
      <c r="G2636" s="51" t="s">
        <v>749</v>
      </c>
      <c r="H2636" s="51" t="s">
        <v>750</v>
      </c>
      <c r="I2636" s="37" t="s">
        <v>430</v>
      </c>
      <c r="J2636" s="35" t="s">
        <v>344</v>
      </c>
    </row>
    <row r="2637" spans="1:25" x14ac:dyDescent="0.2">
      <c r="B2637" s="5"/>
      <c r="C2637" s="40" t="s">
        <v>38</v>
      </c>
      <c r="D2637" s="41">
        <v>4307</v>
      </c>
      <c r="E2637" s="42">
        <v>60.8</v>
      </c>
      <c r="F2637" s="42">
        <v>21.4</v>
      </c>
      <c r="G2637" s="42">
        <v>16.2</v>
      </c>
      <c r="H2637" s="42">
        <v>0.3</v>
      </c>
      <c r="I2637" s="43">
        <v>1.3</v>
      </c>
    </row>
    <row r="2638" spans="1:25" x14ac:dyDescent="0.2">
      <c r="B2638" s="72" t="s">
        <v>37</v>
      </c>
      <c r="C2638" s="38" t="s">
        <v>39</v>
      </c>
      <c r="D2638" s="44">
        <v>1325</v>
      </c>
      <c r="E2638" s="45">
        <v>63.7</v>
      </c>
      <c r="F2638" s="45">
        <v>19.3</v>
      </c>
      <c r="G2638" s="45">
        <v>15.8</v>
      </c>
      <c r="H2638" s="45">
        <v>0.2</v>
      </c>
      <c r="I2638" s="46">
        <v>1</v>
      </c>
    </row>
    <row r="2639" spans="1:25" x14ac:dyDescent="0.2">
      <c r="B2639" s="72"/>
      <c r="C2639" s="38" t="s">
        <v>40</v>
      </c>
      <c r="D2639" s="44">
        <v>675</v>
      </c>
      <c r="E2639" s="45">
        <v>59.9</v>
      </c>
      <c r="F2639" s="45">
        <v>20.9</v>
      </c>
      <c r="G2639" s="45">
        <v>17.2</v>
      </c>
      <c r="H2639" s="45">
        <v>0.4</v>
      </c>
      <c r="I2639" s="46">
        <v>1.6</v>
      </c>
    </row>
    <row r="2640" spans="1:25" x14ac:dyDescent="0.2">
      <c r="B2640" s="72"/>
      <c r="C2640" s="38" t="s">
        <v>41</v>
      </c>
      <c r="D2640" s="44">
        <v>168</v>
      </c>
      <c r="E2640" s="45">
        <v>65.5</v>
      </c>
      <c r="F2640" s="45">
        <v>19</v>
      </c>
      <c r="G2640" s="45">
        <v>14.3</v>
      </c>
      <c r="H2640" s="45">
        <v>0</v>
      </c>
      <c r="I2640" s="46">
        <v>1.2</v>
      </c>
    </row>
    <row r="2641" spans="1:25" x14ac:dyDescent="0.2">
      <c r="B2641" s="72"/>
      <c r="C2641" s="38" t="s">
        <v>42</v>
      </c>
      <c r="D2641" s="44">
        <v>290</v>
      </c>
      <c r="E2641" s="45">
        <v>60</v>
      </c>
      <c r="F2641" s="45">
        <v>20</v>
      </c>
      <c r="G2641" s="45">
        <v>17.600000000000001</v>
      </c>
      <c r="H2641" s="45">
        <v>0.7</v>
      </c>
      <c r="I2641" s="46">
        <v>1.7</v>
      </c>
    </row>
    <row r="2642" spans="1:25" x14ac:dyDescent="0.2">
      <c r="B2642" s="72"/>
      <c r="C2642" s="38" t="s">
        <v>43</v>
      </c>
      <c r="D2642" s="44">
        <v>231</v>
      </c>
      <c r="E2642" s="45">
        <v>60.6</v>
      </c>
      <c r="F2642" s="45">
        <v>23.4</v>
      </c>
      <c r="G2642" s="45">
        <v>15.2</v>
      </c>
      <c r="H2642" s="45">
        <v>0</v>
      </c>
      <c r="I2642" s="46">
        <v>0.9</v>
      </c>
    </row>
    <row r="2643" spans="1:25" x14ac:dyDescent="0.2">
      <c r="B2643" s="72"/>
      <c r="C2643" s="38" t="s">
        <v>44</v>
      </c>
      <c r="D2643" s="44">
        <v>800</v>
      </c>
      <c r="E2643" s="45">
        <v>58.4</v>
      </c>
      <c r="F2643" s="45">
        <v>21.9</v>
      </c>
      <c r="G2643" s="45">
        <v>18.399999999999999</v>
      </c>
      <c r="H2643" s="45">
        <v>0.1</v>
      </c>
      <c r="I2643" s="46">
        <v>1.3</v>
      </c>
    </row>
    <row r="2644" spans="1:25" x14ac:dyDescent="0.2">
      <c r="B2644" s="72"/>
      <c r="C2644" s="38" t="s">
        <v>45</v>
      </c>
      <c r="D2644" s="44">
        <v>240</v>
      </c>
      <c r="E2644" s="45">
        <v>57.9</v>
      </c>
      <c r="F2644" s="45">
        <v>24.2</v>
      </c>
      <c r="G2644" s="45">
        <v>14.6</v>
      </c>
      <c r="H2644" s="45">
        <v>0.8</v>
      </c>
      <c r="I2644" s="46">
        <v>2.5</v>
      </c>
    </row>
    <row r="2645" spans="1:25" x14ac:dyDescent="0.2">
      <c r="B2645" s="72"/>
      <c r="C2645" s="38" t="s">
        <v>46</v>
      </c>
      <c r="D2645" s="44">
        <v>117</v>
      </c>
      <c r="E2645" s="45">
        <v>60.7</v>
      </c>
      <c r="F2645" s="45">
        <v>23.1</v>
      </c>
      <c r="G2645" s="45">
        <v>15.4</v>
      </c>
      <c r="H2645" s="45">
        <v>0</v>
      </c>
      <c r="I2645" s="46">
        <v>0.9</v>
      </c>
    </row>
    <row r="2646" spans="1:25" x14ac:dyDescent="0.2">
      <c r="B2646" s="72"/>
      <c r="C2646" s="38" t="s">
        <v>47</v>
      </c>
      <c r="D2646" s="44">
        <v>461</v>
      </c>
      <c r="E2646" s="45">
        <v>58.4</v>
      </c>
      <c r="F2646" s="45">
        <v>26.2</v>
      </c>
      <c r="G2646" s="45">
        <v>13.7</v>
      </c>
      <c r="H2646" s="45">
        <v>0</v>
      </c>
      <c r="I2646" s="46">
        <v>1.7</v>
      </c>
    </row>
    <row r="2647" spans="1:25" ht="21.6" x14ac:dyDescent="0.2">
      <c r="B2647" s="72"/>
      <c r="C2647" s="39" t="s">
        <v>48</v>
      </c>
      <c r="D2647" s="47">
        <v>2307</v>
      </c>
      <c r="E2647" s="48">
        <v>59.4</v>
      </c>
      <c r="F2647" s="48">
        <v>22.8</v>
      </c>
      <c r="G2647" s="48">
        <v>16.2</v>
      </c>
      <c r="H2647" s="48">
        <v>0.2</v>
      </c>
      <c r="I2647" s="49">
        <v>1.5</v>
      </c>
    </row>
    <row r="2648" spans="1:25" x14ac:dyDescent="0.2">
      <c r="B2648" s="7" t="s">
        <v>49</v>
      </c>
      <c r="C2648" s="4" t="s">
        <v>303</v>
      </c>
    </row>
    <row r="2649" spans="1:25" x14ac:dyDescent="0.2">
      <c r="B2649" s="4"/>
      <c r="C2649" s="4" t="s">
        <v>51</v>
      </c>
    </row>
    <row r="2651" spans="1:25" x14ac:dyDescent="0.2">
      <c r="A2651" s="26" t="s">
        <v>25</v>
      </c>
      <c r="B2651" t="s">
        <v>35</v>
      </c>
      <c r="C2651" t="s">
        <v>35</v>
      </c>
    </row>
    <row r="2652" spans="1:25" x14ac:dyDescent="0.2">
      <c r="B2652" s="70" t="s">
        <v>304</v>
      </c>
      <c r="C2652" s="71"/>
      <c r="D2652" s="71"/>
      <c r="E2652" s="71"/>
      <c r="F2652" s="71"/>
      <c r="G2652" s="71"/>
      <c r="H2652" s="71"/>
      <c r="I2652" s="71"/>
      <c r="J2652" s="71"/>
      <c r="K2652" s="71"/>
      <c r="L2652" s="71"/>
      <c r="M2652" s="71"/>
      <c r="N2652" s="71"/>
      <c r="O2652" s="71"/>
      <c r="P2652" s="71"/>
      <c r="Q2652" s="71"/>
      <c r="R2652" s="71"/>
      <c r="S2652" s="71"/>
      <c r="T2652" s="71"/>
      <c r="U2652" s="71"/>
      <c r="V2652" s="71"/>
      <c r="W2652" s="71"/>
      <c r="X2652" s="71"/>
      <c r="Y2652" s="71"/>
    </row>
    <row r="2653" spans="1:25" s="32" customFormat="1" ht="36.450000000000003" customHeight="1" x14ac:dyDescent="0.15">
      <c r="A2653" s="31"/>
      <c r="D2653" s="33" t="s">
        <v>341</v>
      </c>
      <c r="E2653" s="36" t="s">
        <v>751</v>
      </c>
      <c r="F2653" s="37" t="s">
        <v>752</v>
      </c>
      <c r="G2653" s="35" t="s">
        <v>344</v>
      </c>
    </row>
    <row r="2654" spans="1:25" x14ac:dyDescent="0.2">
      <c r="B2654" s="5"/>
      <c r="C2654" s="40" t="s">
        <v>38</v>
      </c>
      <c r="D2654" s="41">
        <v>4307</v>
      </c>
      <c r="E2654" s="42">
        <v>60.8</v>
      </c>
      <c r="F2654" s="43">
        <v>39.200000000000003</v>
      </c>
    </row>
    <row r="2655" spans="1:25" x14ac:dyDescent="0.2">
      <c r="B2655" s="72" t="s">
        <v>37</v>
      </c>
      <c r="C2655" s="38" t="s">
        <v>39</v>
      </c>
      <c r="D2655" s="44">
        <v>1325</v>
      </c>
      <c r="E2655" s="45">
        <v>63.7</v>
      </c>
      <c r="F2655" s="46">
        <v>36.299999999999997</v>
      </c>
    </row>
    <row r="2656" spans="1:25" x14ac:dyDescent="0.2">
      <c r="B2656" s="72"/>
      <c r="C2656" s="38" t="s">
        <v>40</v>
      </c>
      <c r="D2656" s="44">
        <v>675</v>
      </c>
      <c r="E2656" s="45">
        <v>59.9</v>
      </c>
      <c r="F2656" s="46">
        <v>40.1</v>
      </c>
    </row>
    <row r="2657" spans="1:25" x14ac:dyDescent="0.2">
      <c r="B2657" s="72"/>
      <c r="C2657" s="38" t="s">
        <v>41</v>
      </c>
      <c r="D2657" s="44">
        <v>168</v>
      </c>
      <c r="E2657" s="45">
        <v>65.5</v>
      </c>
      <c r="F2657" s="46">
        <v>34.5</v>
      </c>
    </row>
    <row r="2658" spans="1:25" x14ac:dyDescent="0.2">
      <c r="B2658" s="72"/>
      <c r="C2658" s="38" t="s">
        <v>42</v>
      </c>
      <c r="D2658" s="44">
        <v>290</v>
      </c>
      <c r="E2658" s="45">
        <v>60</v>
      </c>
      <c r="F2658" s="46">
        <v>40</v>
      </c>
    </row>
    <row r="2659" spans="1:25" x14ac:dyDescent="0.2">
      <c r="B2659" s="72"/>
      <c r="C2659" s="38" t="s">
        <v>43</v>
      </c>
      <c r="D2659" s="44">
        <v>231</v>
      </c>
      <c r="E2659" s="45">
        <v>60.6</v>
      </c>
      <c r="F2659" s="46">
        <v>39.4</v>
      </c>
    </row>
    <row r="2660" spans="1:25" x14ac:dyDescent="0.2">
      <c r="B2660" s="72"/>
      <c r="C2660" s="38" t="s">
        <v>44</v>
      </c>
      <c r="D2660" s="44">
        <v>800</v>
      </c>
      <c r="E2660" s="45">
        <v>58.4</v>
      </c>
      <c r="F2660" s="46">
        <v>41.6</v>
      </c>
    </row>
    <row r="2661" spans="1:25" x14ac:dyDescent="0.2">
      <c r="B2661" s="72"/>
      <c r="C2661" s="38" t="s">
        <v>45</v>
      </c>
      <c r="D2661" s="44">
        <v>240</v>
      </c>
      <c r="E2661" s="45">
        <v>57.9</v>
      </c>
      <c r="F2661" s="46">
        <v>42.1</v>
      </c>
    </row>
    <row r="2662" spans="1:25" x14ac:dyDescent="0.2">
      <c r="B2662" s="72"/>
      <c r="C2662" s="38" t="s">
        <v>46</v>
      </c>
      <c r="D2662" s="44">
        <v>117</v>
      </c>
      <c r="E2662" s="45">
        <v>60.7</v>
      </c>
      <c r="F2662" s="46">
        <v>39.299999999999997</v>
      </c>
    </row>
    <row r="2663" spans="1:25" x14ac:dyDescent="0.2">
      <c r="B2663" s="72"/>
      <c r="C2663" s="38" t="s">
        <v>47</v>
      </c>
      <c r="D2663" s="44">
        <v>461</v>
      </c>
      <c r="E2663" s="45">
        <v>58.4</v>
      </c>
      <c r="F2663" s="46">
        <v>41.6</v>
      </c>
    </row>
    <row r="2664" spans="1:25" ht="21.6" x14ac:dyDescent="0.2">
      <c r="B2664" s="72"/>
      <c r="C2664" s="39" t="s">
        <v>48</v>
      </c>
      <c r="D2664" s="47">
        <v>2307</v>
      </c>
      <c r="E2664" s="48">
        <v>59.4</v>
      </c>
      <c r="F2664" s="49">
        <v>40.6</v>
      </c>
    </row>
    <row r="2666" spans="1:25" x14ac:dyDescent="0.2">
      <c r="A2666" s="26" t="s">
        <v>25</v>
      </c>
      <c r="B2666" t="s">
        <v>35</v>
      </c>
      <c r="C2666" t="s">
        <v>35</v>
      </c>
    </row>
    <row r="2667" spans="1:25" x14ac:dyDescent="0.2">
      <c r="B2667" s="70" t="s">
        <v>305</v>
      </c>
      <c r="C2667" s="71"/>
      <c r="D2667" s="71"/>
      <c r="E2667" s="71"/>
      <c r="F2667" s="71"/>
      <c r="G2667" s="71"/>
      <c r="H2667" s="71"/>
      <c r="I2667" s="71"/>
      <c r="J2667" s="71"/>
      <c r="K2667" s="71"/>
      <c r="L2667" s="71"/>
      <c r="M2667" s="71"/>
      <c r="N2667" s="71"/>
      <c r="O2667" s="71"/>
      <c r="P2667" s="71"/>
      <c r="Q2667" s="71"/>
      <c r="R2667" s="71"/>
      <c r="S2667" s="71"/>
      <c r="T2667" s="71"/>
      <c r="U2667" s="71"/>
      <c r="V2667" s="71"/>
      <c r="W2667" s="71"/>
      <c r="X2667" s="71"/>
      <c r="Y2667" s="71"/>
    </row>
    <row r="2668" spans="1:25" s="32" customFormat="1" ht="25.65" customHeight="1" x14ac:dyDescent="0.15">
      <c r="A2668" s="31"/>
      <c r="D2668" s="33" t="s">
        <v>341</v>
      </c>
      <c r="E2668" s="36" t="s">
        <v>745</v>
      </c>
      <c r="F2668" s="37" t="s">
        <v>746</v>
      </c>
      <c r="G2668" s="35" t="s">
        <v>344</v>
      </c>
    </row>
    <row r="2669" spans="1:25" x14ac:dyDescent="0.2">
      <c r="B2669" s="5"/>
      <c r="C2669" s="40" t="s">
        <v>38</v>
      </c>
      <c r="D2669" s="41">
        <v>4307</v>
      </c>
      <c r="E2669" s="42">
        <v>57.3</v>
      </c>
      <c r="F2669" s="43">
        <v>42.7</v>
      </c>
    </row>
    <row r="2670" spans="1:25" x14ac:dyDescent="0.2">
      <c r="B2670" s="72" t="s">
        <v>37</v>
      </c>
      <c r="C2670" s="38" t="s">
        <v>39</v>
      </c>
      <c r="D2670" s="44">
        <v>1325</v>
      </c>
      <c r="E2670" s="45">
        <v>54</v>
      </c>
      <c r="F2670" s="46">
        <v>46</v>
      </c>
    </row>
    <row r="2671" spans="1:25" x14ac:dyDescent="0.2">
      <c r="B2671" s="72"/>
      <c r="C2671" s="38" t="s">
        <v>40</v>
      </c>
      <c r="D2671" s="44">
        <v>675</v>
      </c>
      <c r="E2671" s="45">
        <v>57.8</v>
      </c>
      <c r="F2671" s="46">
        <v>42.2</v>
      </c>
    </row>
    <row r="2672" spans="1:25" x14ac:dyDescent="0.2">
      <c r="B2672" s="72"/>
      <c r="C2672" s="38" t="s">
        <v>41</v>
      </c>
      <c r="D2672" s="44">
        <v>168</v>
      </c>
      <c r="E2672" s="45">
        <v>48.2</v>
      </c>
      <c r="F2672" s="46">
        <v>51.8</v>
      </c>
    </row>
    <row r="2673" spans="1:25" x14ac:dyDescent="0.2">
      <c r="B2673" s="72"/>
      <c r="C2673" s="38" t="s">
        <v>42</v>
      </c>
      <c r="D2673" s="44">
        <v>290</v>
      </c>
      <c r="E2673" s="45">
        <v>63.1</v>
      </c>
      <c r="F2673" s="46">
        <v>36.9</v>
      </c>
    </row>
    <row r="2674" spans="1:25" x14ac:dyDescent="0.2">
      <c r="B2674" s="72"/>
      <c r="C2674" s="38" t="s">
        <v>43</v>
      </c>
      <c r="D2674" s="44">
        <v>231</v>
      </c>
      <c r="E2674" s="45">
        <v>60.6</v>
      </c>
      <c r="F2674" s="46">
        <v>39.4</v>
      </c>
    </row>
    <row r="2675" spans="1:25" x14ac:dyDescent="0.2">
      <c r="B2675" s="72"/>
      <c r="C2675" s="38" t="s">
        <v>44</v>
      </c>
      <c r="D2675" s="44">
        <v>800</v>
      </c>
      <c r="E2675" s="45">
        <v>59.6</v>
      </c>
      <c r="F2675" s="46">
        <v>40.4</v>
      </c>
    </row>
    <row r="2676" spans="1:25" x14ac:dyDescent="0.2">
      <c r="B2676" s="72"/>
      <c r="C2676" s="38" t="s">
        <v>45</v>
      </c>
      <c r="D2676" s="44">
        <v>240</v>
      </c>
      <c r="E2676" s="45">
        <v>57.1</v>
      </c>
      <c r="F2676" s="46">
        <v>42.9</v>
      </c>
    </row>
    <row r="2677" spans="1:25" x14ac:dyDescent="0.2">
      <c r="B2677" s="72"/>
      <c r="C2677" s="38" t="s">
        <v>46</v>
      </c>
      <c r="D2677" s="44">
        <v>117</v>
      </c>
      <c r="E2677" s="45">
        <v>57.3</v>
      </c>
      <c r="F2677" s="46">
        <v>42.7</v>
      </c>
    </row>
    <row r="2678" spans="1:25" x14ac:dyDescent="0.2">
      <c r="B2678" s="72"/>
      <c r="C2678" s="38" t="s">
        <v>47</v>
      </c>
      <c r="D2678" s="44">
        <v>461</v>
      </c>
      <c r="E2678" s="45">
        <v>59.7</v>
      </c>
      <c r="F2678" s="46">
        <v>40.299999999999997</v>
      </c>
    </row>
    <row r="2679" spans="1:25" ht="21.6" x14ac:dyDescent="0.2">
      <c r="B2679" s="72"/>
      <c r="C2679" s="39" t="s">
        <v>48</v>
      </c>
      <c r="D2679" s="47">
        <v>2307</v>
      </c>
      <c r="E2679" s="48">
        <v>59</v>
      </c>
      <c r="F2679" s="49">
        <v>41</v>
      </c>
    </row>
    <row r="2680" spans="1:25" x14ac:dyDescent="0.2">
      <c r="B2680" s="7" t="s">
        <v>49</v>
      </c>
      <c r="C2680" s="4" t="s">
        <v>306</v>
      </c>
    </row>
    <row r="2681" spans="1:25" x14ac:dyDescent="0.2">
      <c r="B2681" s="4"/>
      <c r="C2681" s="4" t="s">
        <v>51</v>
      </c>
    </row>
    <row r="2683" spans="1:25" x14ac:dyDescent="0.2">
      <c r="A2683" s="26" t="s">
        <v>25</v>
      </c>
      <c r="B2683" t="s">
        <v>35</v>
      </c>
      <c r="C2683" t="s">
        <v>35</v>
      </c>
    </row>
    <row r="2684" spans="1:25" x14ac:dyDescent="0.2">
      <c r="B2684" s="70" t="s">
        <v>307</v>
      </c>
      <c r="C2684" s="71"/>
      <c r="D2684" s="71"/>
      <c r="E2684" s="71"/>
      <c r="F2684" s="71"/>
      <c r="G2684" s="71"/>
      <c r="H2684" s="71"/>
      <c r="I2684" s="71"/>
      <c r="J2684" s="71"/>
      <c r="K2684" s="71"/>
      <c r="L2684" s="71"/>
      <c r="M2684" s="71"/>
      <c r="N2684" s="71"/>
      <c r="O2684" s="71"/>
      <c r="P2684" s="71"/>
      <c r="Q2684" s="71"/>
      <c r="R2684" s="71"/>
      <c r="S2684" s="71"/>
      <c r="T2684" s="71"/>
      <c r="U2684" s="71"/>
      <c r="V2684" s="71"/>
      <c r="W2684" s="71"/>
      <c r="X2684" s="71"/>
      <c r="Y2684" s="71"/>
    </row>
    <row r="2685" spans="1:25" s="32" customFormat="1" ht="47.25" customHeight="1" x14ac:dyDescent="0.15">
      <c r="A2685" s="31"/>
      <c r="D2685" s="33" t="s">
        <v>341</v>
      </c>
      <c r="E2685" s="36" t="s">
        <v>753</v>
      </c>
      <c r="F2685" s="51" t="s">
        <v>749</v>
      </c>
      <c r="G2685" s="51" t="s">
        <v>750</v>
      </c>
      <c r="H2685" s="37" t="s">
        <v>430</v>
      </c>
      <c r="I2685" s="35" t="s">
        <v>344</v>
      </c>
    </row>
    <row r="2686" spans="1:25" x14ac:dyDescent="0.2">
      <c r="B2686" s="5"/>
      <c r="C2686" s="40" t="s">
        <v>38</v>
      </c>
      <c r="D2686" s="41">
        <v>2466</v>
      </c>
      <c r="E2686" s="42">
        <v>66.599999999999994</v>
      </c>
      <c r="F2686" s="42">
        <v>25.8</v>
      </c>
      <c r="G2686" s="42">
        <v>13.5</v>
      </c>
      <c r="H2686" s="43">
        <v>7.4</v>
      </c>
    </row>
    <row r="2687" spans="1:25" x14ac:dyDescent="0.2">
      <c r="B2687" s="72" t="s">
        <v>37</v>
      </c>
      <c r="C2687" s="38" t="s">
        <v>39</v>
      </c>
      <c r="D2687" s="44">
        <v>716</v>
      </c>
      <c r="E2687" s="45">
        <v>66.8</v>
      </c>
      <c r="F2687" s="45">
        <v>25</v>
      </c>
      <c r="G2687" s="45">
        <v>11.3</v>
      </c>
      <c r="H2687" s="46">
        <v>7.7</v>
      </c>
    </row>
    <row r="2688" spans="1:25" x14ac:dyDescent="0.2">
      <c r="B2688" s="72"/>
      <c r="C2688" s="38" t="s">
        <v>40</v>
      </c>
      <c r="D2688" s="44">
        <v>390</v>
      </c>
      <c r="E2688" s="45">
        <v>64.599999999999994</v>
      </c>
      <c r="F2688" s="45">
        <v>27.7</v>
      </c>
      <c r="G2688" s="45">
        <v>16.2</v>
      </c>
      <c r="H2688" s="46">
        <v>7.4</v>
      </c>
    </row>
    <row r="2689" spans="1:25" x14ac:dyDescent="0.2">
      <c r="B2689" s="72"/>
      <c r="C2689" s="38" t="s">
        <v>41</v>
      </c>
      <c r="D2689" s="44">
        <v>81</v>
      </c>
      <c r="E2689" s="45">
        <v>70.400000000000006</v>
      </c>
      <c r="F2689" s="45">
        <v>18.5</v>
      </c>
      <c r="G2689" s="45">
        <v>9.9</v>
      </c>
      <c r="H2689" s="46">
        <v>9.9</v>
      </c>
    </row>
    <row r="2690" spans="1:25" x14ac:dyDescent="0.2">
      <c r="B2690" s="72"/>
      <c r="C2690" s="38" t="s">
        <v>42</v>
      </c>
      <c r="D2690" s="44">
        <v>183</v>
      </c>
      <c r="E2690" s="45">
        <v>68.900000000000006</v>
      </c>
      <c r="F2690" s="45">
        <v>27.9</v>
      </c>
      <c r="G2690" s="45">
        <v>13.7</v>
      </c>
      <c r="H2690" s="46">
        <v>10.4</v>
      </c>
    </row>
    <row r="2691" spans="1:25" x14ac:dyDescent="0.2">
      <c r="B2691" s="72"/>
      <c r="C2691" s="38" t="s">
        <v>43</v>
      </c>
      <c r="D2691" s="44">
        <v>140</v>
      </c>
      <c r="E2691" s="45">
        <v>72.099999999999994</v>
      </c>
      <c r="F2691" s="45">
        <v>24.3</v>
      </c>
      <c r="G2691" s="45">
        <v>12.9</v>
      </c>
      <c r="H2691" s="46">
        <v>2.9</v>
      </c>
    </row>
    <row r="2692" spans="1:25" x14ac:dyDescent="0.2">
      <c r="B2692" s="72"/>
      <c r="C2692" s="38" t="s">
        <v>44</v>
      </c>
      <c r="D2692" s="44">
        <v>477</v>
      </c>
      <c r="E2692" s="45">
        <v>64.2</v>
      </c>
      <c r="F2692" s="45">
        <v>26.4</v>
      </c>
      <c r="G2692" s="45">
        <v>16.600000000000001</v>
      </c>
      <c r="H2692" s="46">
        <v>7.1</v>
      </c>
    </row>
    <row r="2693" spans="1:25" x14ac:dyDescent="0.2">
      <c r="B2693" s="72"/>
      <c r="C2693" s="38" t="s">
        <v>45</v>
      </c>
      <c r="D2693" s="44">
        <v>137</v>
      </c>
      <c r="E2693" s="45">
        <v>63.5</v>
      </c>
      <c r="F2693" s="45">
        <v>30.7</v>
      </c>
      <c r="G2693" s="45">
        <v>12.4</v>
      </c>
      <c r="H2693" s="46">
        <v>7.3</v>
      </c>
    </row>
    <row r="2694" spans="1:25" x14ac:dyDescent="0.2">
      <c r="B2694" s="72"/>
      <c r="C2694" s="38" t="s">
        <v>46</v>
      </c>
      <c r="D2694" s="44">
        <v>67</v>
      </c>
      <c r="E2694" s="45">
        <v>70.099999999999994</v>
      </c>
      <c r="F2694" s="45">
        <v>22.4</v>
      </c>
      <c r="G2694" s="45">
        <v>11.9</v>
      </c>
      <c r="H2694" s="46">
        <v>7.5</v>
      </c>
    </row>
    <row r="2695" spans="1:25" x14ac:dyDescent="0.2">
      <c r="B2695" s="72"/>
      <c r="C2695" s="38" t="s">
        <v>47</v>
      </c>
      <c r="D2695" s="44">
        <v>275</v>
      </c>
      <c r="E2695" s="45">
        <v>68.400000000000006</v>
      </c>
      <c r="F2695" s="45">
        <v>23.6</v>
      </c>
      <c r="G2695" s="45">
        <v>12</v>
      </c>
      <c r="H2695" s="46">
        <v>6.5</v>
      </c>
    </row>
    <row r="2696" spans="1:25" ht="21.6" x14ac:dyDescent="0.2">
      <c r="B2696" s="72"/>
      <c r="C2696" s="39" t="s">
        <v>48</v>
      </c>
      <c r="D2696" s="47">
        <v>1360</v>
      </c>
      <c r="E2696" s="48">
        <v>67.099999999999994</v>
      </c>
      <c r="F2696" s="48">
        <v>25.6</v>
      </c>
      <c r="G2696" s="48">
        <v>13.8</v>
      </c>
      <c r="H2696" s="49">
        <v>7.2</v>
      </c>
    </row>
    <row r="2697" spans="1:25" x14ac:dyDescent="0.2">
      <c r="B2697" s="7" t="s">
        <v>49</v>
      </c>
      <c r="C2697" s="4" t="s">
        <v>308</v>
      </c>
    </row>
    <row r="2698" spans="1:25" x14ac:dyDescent="0.2">
      <c r="B2698" s="4"/>
      <c r="C2698" s="4" t="s">
        <v>51</v>
      </c>
    </row>
    <row r="2700" spans="1:25" x14ac:dyDescent="0.2">
      <c r="A2700" s="26" t="s">
        <v>25</v>
      </c>
      <c r="B2700" t="s">
        <v>35</v>
      </c>
      <c r="C2700" t="s">
        <v>35</v>
      </c>
    </row>
    <row r="2701" spans="1:25" x14ac:dyDescent="0.2">
      <c r="B2701" s="70" t="s">
        <v>309</v>
      </c>
      <c r="C2701" s="71"/>
      <c r="D2701" s="71"/>
      <c r="E2701" s="71"/>
      <c r="F2701" s="71"/>
      <c r="G2701" s="71"/>
      <c r="H2701" s="71"/>
      <c r="I2701" s="71"/>
      <c r="J2701" s="71"/>
      <c r="K2701" s="71"/>
      <c r="L2701" s="71"/>
      <c r="M2701" s="71"/>
      <c r="N2701" s="71"/>
      <c r="O2701" s="71"/>
      <c r="P2701" s="71"/>
      <c r="Q2701" s="71"/>
      <c r="R2701" s="71"/>
      <c r="S2701" s="71"/>
      <c r="T2701" s="71"/>
      <c r="U2701" s="71"/>
      <c r="V2701" s="71"/>
      <c r="W2701" s="71"/>
      <c r="X2701" s="71"/>
      <c r="Y2701" s="71"/>
    </row>
    <row r="2702" spans="1:25" s="32" customFormat="1" ht="47.25" customHeight="1" x14ac:dyDescent="0.15">
      <c r="A2702" s="31"/>
      <c r="D2702" s="33" t="s">
        <v>341</v>
      </c>
      <c r="E2702" s="36" t="s">
        <v>421</v>
      </c>
      <c r="F2702" s="51" t="s">
        <v>422</v>
      </c>
      <c r="G2702" s="51" t="s">
        <v>423</v>
      </c>
      <c r="H2702" s="51" t="s">
        <v>424</v>
      </c>
      <c r="I2702" s="51" t="s">
        <v>425</v>
      </c>
      <c r="J2702" s="51" t="s">
        <v>426</v>
      </c>
      <c r="K2702" s="51" t="s">
        <v>427</v>
      </c>
      <c r="L2702" s="51" t="s">
        <v>428</v>
      </c>
      <c r="M2702" s="51" t="s">
        <v>429</v>
      </c>
      <c r="N2702" s="51" t="s">
        <v>430</v>
      </c>
      <c r="O2702" s="37" t="s">
        <v>443</v>
      </c>
      <c r="P2702" s="35" t="s">
        <v>344</v>
      </c>
    </row>
    <row r="2703" spans="1:25" x14ac:dyDescent="0.2">
      <c r="B2703" s="5"/>
      <c r="C2703" s="40" t="s">
        <v>38</v>
      </c>
      <c r="D2703" s="41">
        <v>1642</v>
      </c>
      <c r="E2703" s="42">
        <v>59.6</v>
      </c>
      <c r="F2703" s="42">
        <v>23.6</v>
      </c>
      <c r="G2703" s="42">
        <v>2.7</v>
      </c>
      <c r="H2703" s="42">
        <v>4.0999999999999996</v>
      </c>
      <c r="I2703" s="42">
        <v>1.5</v>
      </c>
      <c r="J2703" s="42">
        <v>0.8</v>
      </c>
      <c r="K2703" s="42">
        <v>2.2000000000000002</v>
      </c>
      <c r="L2703" s="42">
        <v>4.5</v>
      </c>
      <c r="M2703" s="42">
        <v>0.3</v>
      </c>
      <c r="N2703" s="42">
        <v>0.4</v>
      </c>
      <c r="O2703" s="43">
        <v>0.2</v>
      </c>
    </row>
    <row r="2704" spans="1:25" x14ac:dyDescent="0.2">
      <c r="B2704" s="72" t="s">
        <v>37</v>
      </c>
      <c r="C2704" s="38" t="s">
        <v>39</v>
      </c>
      <c r="D2704" s="44">
        <v>478</v>
      </c>
      <c r="E2704" s="45">
        <v>62.3</v>
      </c>
      <c r="F2704" s="45">
        <v>19</v>
      </c>
      <c r="G2704" s="45">
        <v>3.1</v>
      </c>
      <c r="H2704" s="45">
        <v>4.5999999999999996</v>
      </c>
      <c r="I2704" s="45">
        <v>2.2999999999999998</v>
      </c>
      <c r="J2704" s="45">
        <v>0.8</v>
      </c>
      <c r="K2704" s="45">
        <v>1.7</v>
      </c>
      <c r="L2704" s="45">
        <v>5.2</v>
      </c>
      <c r="M2704" s="45">
        <v>0</v>
      </c>
      <c r="N2704" s="45">
        <v>0.4</v>
      </c>
      <c r="O2704" s="46">
        <v>0.4</v>
      </c>
    </row>
    <row r="2705" spans="1:25" x14ac:dyDescent="0.2">
      <c r="B2705" s="72"/>
      <c r="C2705" s="38" t="s">
        <v>40</v>
      </c>
      <c r="D2705" s="44">
        <v>252</v>
      </c>
      <c r="E2705" s="45">
        <v>58.3</v>
      </c>
      <c r="F2705" s="45">
        <v>23.4</v>
      </c>
      <c r="G2705" s="45">
        <v>2.8</v>
      </c>
      <c r="H2705" s="45">
        <v>3.6</v>
      </c>
      <c r="I2705" s="45">
        <v>0.8</v>
      </c>
      <c r="J2705" s="45">
        <v>0.8</v>
      </c>
      <c r="K2705" s="45">
        <v>2</v>
      </c>
      <c r="L2705" s="45">
        <v>6.7</v>
      </c>
      <c r="M2705" s="45">
        <v>1.2</v>
      </c>
      <c r="N2705" s="45">
        <v>0</v>
      </c>
      <c r="O2705" s="46">
        <v>0.4</v>
      </c>
    </row>
    <row r="2706" spans="1:25" x14ac:dyDescent="0.2">
      <c r="B2706" s="72"/>
      <c r="C2706" s="38" t="s">
        <v>41</v>
      </c>
      <c r="D2706" s="44">
        <v>57</v>
      </c>
      <c r="E2706" s="45">
        <v>64.900000000000006</v>
      </c>
      <c r="F2706" s="45">
        <v>21.1</v>
      </c>
      <c r="G2706" s="45">
        <v>7</v>
      </c>
      <c r="H2706" s="45">
        <v>3.5</v>
      </c>
      <c r="I2706" s="45">
        <v>0</v>
      </c>
      <c r="J2706" s="45">
        <v>0</v>
      </c>
      <c r="K2706" s="45">
        <v>1.8</v>
      </c>
      <c r="L2706" s="45">
        <v>1.8</v>
      </c>
      <c r="M2706" s="45">
        <v>0</v>
      </c>
      <c r="N2706" s="45">
        <v>0</v>
      </c>
      <c r="O2706" s="46">
        <v>0</v>
      </c>
    </row>
    <row r="2707" spans="1:25" x14ac:dyDescent="0.2">
      <c r="B2707" s="72"/>
      <c r="C2707" s="38" t="s">
        <v>42</v>
      </c>
      <c r="D2707" s="44">
        <v>126</v>
      </c>
      <c r="E2707" s="45">
        <v>63.5</v>
      </c>
      <c r="F2707" s="45">
        <v>21.4</v>
      </c>
      <c r="G2707" s="45">
        <v>1.6</v>
      </c>
      <c r="H2707" s="45">
        <v>1.6</v>
      </c>
      <c r="I2707" s="45">
        <v>0</v>
      </c>
      <c r="J2707" s="45">
        <v>0</v>
      </c>
      <c r="K2707" s="45">
        <v>3.2</v>
      </c>
      <c r="L2707" s="45">
        <v>6.3</v>
      </c>
      <c r="M2707" s="45">
        <v>1.6</v>
      </c>
      <c r="N2707" s="45">
        <v>0.8</v>
      </c>
      <c r="O2707" s="46">
        <v>0</v>
      </c>
    </row>
    <row r="2708" spans="1:25" x14ac:dyDescent="0.2">
      <c r="B2708" s="72"/>
      <c r="C2708" s="38" t="s">
        <v>43</v>
      </c>
      <c r="D2708" s="44">
        <v>101</v>
      </c>
      <c r="E2708" s="45">
        <v>51.5</v>
      </c>
      <c r="F2708" s="45">
        <v>30.7</v>
      </c>
      <c r="G2708" s="45">
        <v>3</v>
      </c>
      <c r="H2708" s="45">
        <v>3</v>
      </c>
      <c r="I2708" s="45">
        <v>2</v>
      </c>
      <c r="J2708" s="45">
        <v>1</v>
      </c>
      <c r="K2708" s="45">
        <v>3</v>
      </c>
      <c r="L2708" s="45">
        <v>5</v>
      </c>
      <c r="M2708" s="45">
        <v>0</v>
      </c>
      <c r="N2708" s="45">
        <v>0</v>
      </c>
      <c r="O2708" s="46">
        <v>1</v>
      </c>
    </row>
    <row r="2709" spans="1:25" x14ac:dyDescent="0.2">
      <c r="B2709" s="72"/>
      <c r="C2709" s="38" t="s">
        <v>44</v>
      </c>
      <c r="D2709" s="44">
        <v>306</v>
      </c>
      <c r="E2709" s="45">
        <v>56.5</v>
      </c>
      <c r="F2709" s="45">
        <v>29.1</v>
      </c>
      <c r="G2709" s="45">
        <v>2.9</v>
      </c>
      <c r="H2709" s="45">
        <v>3.6</v>
      </c>
      <c r="I2709" s="45">
        <v>2.2999999999999998</v>
      </c>
      <c r="J2709" s="45">
        <v>1</v>
      </c>
      <c r="K2709" s="45">
        <v>2.2999999999999998</v>
      </c>
      <c r="L2709" s="45">
        <v>2</v>
      </c>
      <c r="M2709" s="45">
        <v>0</v>
      </c>
      <c r="N2709" s="45">
        <v>0.3</v>
      </c>
      <c r="O2709" s="46">
        <v>0</v>
      </c>
    </row>
    <row r="2710" spans="1:25" x14ac:dyDescent="0.2">
      <c r="B2710" s="72"/>
      <c r="C2710" s="38" t="s">
        <v>45</v>
      </c>
      <c r="D2710" s="44">
        <v>87</v>
      </c>
      <c r="E2710" s="45">
        <v>65.5</v>
      </c>
      <c r="F2710" s="45">
        <v>20.7</v>
      </c>
      <c r="G2710" s="45">
        <v>0</v>
      </c>
      <c r="H2710" s="45">
        <v>5.7</v>
      </c>
      <c r="I2710" s="45">
        <v>2.2999999999999998</v>
      </c>
      <c r="J2710" s="45">
        <v>2.2999999999999998</v>
      </c>
      <c r="K2710" s="45">
        <v>1.1000000000000001</v>
      </c>
      <c r="L2710" s="45">
        <v>1.1000000000000001</v>
      </c>
      <c r="M2710" s="45">
        <v>0</v>
      </c>
      <c r="N2710" s="45">
        <v>1.1000000000000001</v>
      </c>
      <c r="O2710" s="46">
        <v>0</v>
      </c>
    </row>
    <row r="2711" spans="1:25" x14ac:dyDescent="0.2">
      <c r="B2711" s="72"/>
      <c r="C2711" s="38" t="s">
        <v>46</v>
      </c>
      <c r="D2711" s="44">
        <v>47</v>
      </c>
      <c r="E2711" s="45">
        <v>53.2</v>
      </c>
      <c r="F2711" s="45">
        <v>29.8</v>
      </c>
      <c r="G2711" s="45">
        <v>4.3</v>
      </c>
      <c r="H2711" s="45">
        <v>6.4</v>
      </c>
      <c r="I2711" s="45">
        <v>0</v>
      </c>
      <c r="J2711" s="45">
        <v>0</v>
      </c>
      <c r="K2711" s="45">
        <v>2.1</v>
      </c>
      <c r="L2711" s="45">
        <v>2.1</v>
      </c>
      <c r="M2711" s="45">
        <v>0</v>
      </c>
      <c r="N2711" s="45">
        <v>2.1</v>
      </c>
      <c r="O2711" s="46">
        <v>0</v>
      </c>
    </row>
    <row r="2712" spans="1:25" x14ac:dyDescent="0.2">
      <c r="B2712" s="72"/>
      <c r="C2712" s="38" t="s">
        <v>47</v>
      </c>
      <c r="D2712" s="44">
        <v>188</v>
      </c>
      <c r="E2712" s="45">
        <v>58.5</v>
      </c>
      <c r="F2712" s="45">
        <v>25</v>
      </c>
      <c r="G2712" s="45">
        <v>1.6</v>
      </c>
      <c r="H2712" s="45">
        <v>5.3</v>
      </c>
      <c r="I2712" s="45">
        <v>0</v>
      </c>
      <c r="J2712" s="45">
        <v>0.5</v>
      </c>
      <c r="K2712" s="45">
        <v>3.2</v>
      </c>
      <c r="L2712" s="45">
        <v>5.3</v>
      </c>
      <c r="M2712" s="45">
        <v>0</v>
      </c>
      <c r="N2712" s="45">
        <v>0.5</v>
      </c>
      <c r="O2712" s="46">
        <v>0</v>
      </c>
    </row>
    <row r="2713" spans="1:25" ht="21.6" x14ac:dyDescent="0.2">
      <c r="B2713" s="72"/>
      <c r="C2713" s="39" t="s">
        <v>48</v>
      </c>
      <c r="D2713" s="47">
        <v>912</v>
      </c>
      <c r="E2713" s="48">
        <v>58.6</v>
      </c>
      <c r="F2713" s="48">
        <v>26.1</v>
      </c>
      <c r="G2713" s="48">
        <v>2.5</v>
      </c>
      <c r="H2713" s="48">
        <v>3.9</v>
      </c>
      <c r="I2713" s="48">
        <v>1.2</v>
      </c>
      <c r="J2713" s="48">
        <v>0.8</v>
      </c>
      <c r="K2713" s="48">
        <v>2.5</v>
      </c>
      <c r="L2713" s="48">
        <v>3.5</v>
      </c>
      <c r="M2713" s="48">
        <v>0.2</v>
      </c>
      <c r="N2713" s="48">
        <v>0.5</v>
      </c>
      <c r="O2713" s="49">
        <v>0.1</v>
      </c>
    </row>
    <row r="2714" spans="1:25" x14ac:dyDescent="0.2">
      <c r="B2714" s="7" t="s">
        <v>49</v>
      </c>
      <c r="C2714" s="4" t="s">
        <v>310</v>
      </c>
    </row>
    <row r="2715" spans="1:25" x14ac:dyDescent="0.2">
      <c r="B2715" s="4"/>
      <c r="C2715" s="4" t="s">
        <v>51</v>
      </c>
    </row>
    <row r="2717" spans="1:25" x14ac:dyDescent="0.2">
      <c r="A2717" s="26" t="s">
        <v>25</v>
      </c>
      <c r="B2717" t="s">
        <v>35</v>
      </c>
      <c r="C2717" t="s">
        <v>35</v>
      </c>
    </row>
    <row r="2718" spans="1:25" x14ac:dyDescent="0.2">
      <c r="B2718" s="70" t="s">
        <v>311</v>
      </c>
      <c r="C2718" s="71"/>
      <c r="D2718" s="71"/>
      <c r="E2718" s="71"/>
      <c r="F2718" s="71"/>
      <c r="G2718" s="71"/>
      <c r="H2718" s="71"/>
      <c r="I2718" s="71"/>
      <c r="J2718" s="71"/>
      <c r="K2718" s="71"/>
      <c r="L2718" s="71"/>
      <c r="M2718" s="71"/>
      <c r="N2718" s="71"/>
      <c r="O2718" s="71"/>
      <c r="P2718" s="71"/>
      <c r="Q2718" s="71"/>
      <c r="R2718" s="71"/>
      <c r="S2718" s="71"/>
      <c r="T2718" s="71"/>
      <c r="U2718" s="71"/>
      <c r="V2718" s="71"/>
      <c r="W2718" s="71"/>
      <c r="X2718" s="71"/>
      <c r="Y2718" s="71"/>
    </row>
    <row r="2719" spans="1:25" s="32" customFormat="1" ht="47.25" customHeight="1" x14ac:dyDescent="0.15">
      <c r="A2719" s="31"/>
      <c r="D2719" s="33" t="s">
        <v>341</v>
      </c>
      <c r="E2719" s="36" t="s">
        <v>432</v>
      </c>
      <c r="F2719" s="51" t="s">
        <v>433</v>
      </c>
      <c r="G2719" s="37" t="s">
        <v>754</v>
      </c>
      <c r="H2719" s="35" t="s">
        <v>344</v>
      </c>
    </row>
    <row r="2720" spans="1:25" x14ac:dyDescent="0.2">
      <c r="B2720" s="5"/>
      <c r="C2720" s="40" t="s">
        <v>38</v>
      </c>
      <c r="D2720" s="41">
        <v>1642</v>
      </c>
      <c r="E2720" s="42">
        <v>59.6</v>
      </c>
      <c r="F2720" s="42">
        <v>32.700000000000003</v>
      </c>
      <c r="G2720" s="43">
        <v>7.7</v>
      </c>
    </row>
    <row r="2721" spans="1:25" x14ac:dyDescent="0.2">
      <c r="B2721" s="72" t="s">
        <v>37</v>
      </c>
      <c r="C2721" s="38" t="s">
        <v>39</v>
      </c>
      <c r="D2721" s="44">
        <v>478</v>
      </c>
      <c r="E2721" s="45">
        <v>62.3</v>
      </c>
      <c r="F2721" s="45">
        <v>29.9</v>
      </c>
      <c r="G2721" s="46">
        <v>7.7</v>
      </c>
    </row>
    <row r="2722" spans="1:25" x14ac:dyDescent="0.2">
      <c r="B2722" s="72"/>
      <c r="C2722" s="38" t="s">
        <v>40</v>
      </c>
      <c r="D2722" s="44">
        <v>252</v>
      </c>
      <c r="E2722" s="45">
        <v>58.3</v>
      </c>
      <c r="F2722" s="45">
        <v>31.3</v>
      </c>
      <c r="G2722" s="46">
        <v>10.3</v>
      </c>
    </row>
    <row r="2723" spans="1:25" x14ac:dyDescent="0.2">
      <c r="B2723" s="72"/>
      <c r="C2723" s="38" t="s">
        <v>41</v>
      </c>
      <c r="D2723" s="44">
        <v>57</v>
      </c>
      <c r="E2723" s="45">
        <v>64.900000000000006</v>
      </c>
      <c r="F2723" s="45">
        <v>31.6</v>
      </c>
      <c r="G2723" s="46">
        <v>3.5</v>
      </c>
    </row>
    <row r="2724" spans="1:25" x14ac:dyDescent="0.2">
      <c r="B2724" s="72"/>
      <c r="C2724" s="38" t="s">
        <v>42</v>
      </c>
      <c r="D2724" s="44">
        <v>126</v>
      </c>
      <c r="E2724" s="45">
        <v>63.5</v>
      </c>
      <c r="F2724" s="45">
        <v>24.6</v>
      </c>
      <c r="G2724" s="46">
        <v>11.9</v>
      </c>
    </row>
    <row r="2725" spans="1:25" x14ac:dyDescent="0.2">
      <c r="B2725" s="72"/>
      <c r="C2725" s="38" t="s">
        <v>43</v>
      </c>
      <c r="D2725" s="44">
        <v>101</v>
      </c>
      <c r="E2725" s="45">
        <v>51.5</v>
      </c>
      <c r="F2725" s="45">
        <v>39.6</v>
      </c>
      <c r="G2725" s="46">
        <v>8.9</v>
      </c>
    </row>
    <row r="2726" spans="1:25" x14ac:dyDescent="0.2">
      <c r="B2726" s="72"/>
      <c r="C2726" s="38" t="s">
        <v>44</v>
      </c>
      <c r="D2726" s="44">
        <v>306</v>
      </c>
      <c r="E2726" s="45">
        <v>56.5</v>
      </c>
      <c r="F2726" s="45">
        <v>38.9</v>
      </c>
      <c r="G2726" s="46">
        <v>4.5999999999999996</v>
      </c>
    </row>
    <row r="2727" spans="1:25" x14ac:dyDescent="0.2">
      <c r="B2727" s="72"/>
      <c r="C2727" s="38" t="s">
        <v>45</v>
      </c>
      <c r="D2727" s="44">
        <v>87</v>
      </c>
      <c r="E2727" s="45">
        <v>65.5</v>
      </c>
      <c r="F2727" s="45">
        <v>31</v>
      </c>
      <c r="G2727" s="46">
        <v>3.4</v>
      </c>
    </row>
    <row r="2728" spans="1:25" x14ac:dyDescent="0.2">
      <c r="B2728" s="72"/>
      <c r="C2728" s="38" t="s">
        <v>46</v>
      </c>
      <c r="D2728" s="44">
        <v>47</v>
      </c>
      <c r="E2728" s="45">
        <v>53.2</v>
      </c>
      <c r="F2728" s="45">
        <v>40.4</v>
      </c>
      <c r="G2728" s="46">
        <v>6.4</v>
      </c>
    </row>
    <row r="2729" spans="1:25" x14ac:dyDescent="0.2">
      <c r="B2729" s="72"/>
      <c r="C2729" s="38" t="s">
        <v>47</v>
      </c>
      <c r="D2729" s="44">
        <v>188</v>
      </c>
      <c r="E2729" s="45">
        <v>58.5</v>
      </c>
      <c r="F2729" s="45">
        <v>32.4</v>
      </c>
      <c r="G2729" s="46">
        <v>9</v>
      </c>
    </row>
    <row r="2730" spans="1:25" ht="21.6" x14ac:dyDescent="0.2">
      <c r="B2730" s="72"/>
      <c r="C2730" s="39" t="s">
        <v>48</v>
      </c>
      <c r="D2730" s="47">
        <v>912</v>
      </c>
      <c r="E2730" s="48">
        <v>58.6</v>
      </c>
      <c r="F2730" s="48">
        <v>34.5</v>
      </c>
      <c r="G2730" s="49">
        <v>6.9</v>
      </c>
    </row>
    <row r="2732" spans="1:25" x14ac:dyDescent="0.2">
      <c r="A2732" s="26" t="s">
        <v>25</v>
      </c>
      <c r="B2732" t="s">
        <v>35</v>
      </c>
      <c r="C2732" t="s">
        <v>35</v>
      </c>
    </row>
    <row r="2733" spans="1:25" x14ac:dyDescent="0.2">
      <c r="B2733" s="70" t="s">
        <v>312</v>
      </c>
      <c r="C2733" s="71"/>
      <c r="D2733" s="71"/>
      <c r="E2733" s="71"/>
      <c r="F2733" s="71"/>
      <c r="G2733" s="71"/>
      <c r="H2733" s="71"/>
      <c r="I2733" s="71"/>
      <c r="J2733" s="71"/>
      <c r="K2733" s="71"/>
      <c r="L2733" s="71"/>
      <c r="M2733" s="71"/>
      <c r="N2733" s="71"/>
      <c r="O2733" s="71"/>
      <c r="P2733" s="71"/>
      <c r="Q2733" s="71"/>
      <c r="R2733" s="71"/>
      <c r="S2733" s="71"/>
      <c r="T2733" s="71"/>
      <c r="U2733" s="71"/>
      <c r="V2733" s="71"/>
      <c r="W2733" s="71"/>
      <c r="X2733" s="71"/>
      <c r="Y2733" s="71"/>
    </row>
    <row r="2734" spans="1:25" s="32" customFormat="1" ht="47.25" customHeight="1" x14ac:dyDescent="0.15">
      <c r="A2734" s="31"/>
      <c r="D2734" s="33" t="s">
        <v>341</v>
      </c>
      <c r="E2734" s="36" t="s">
        <v>432</v>
      </c>
      <c r="F2734" s="51" t="s">
        <v>434</v>
      </c>
      <c r="G2734" s="51" t="s">
        <v>435</v>
      </c>
      <c r="H2734" s="51" t="s">
        <v>425</v>
      </c>
      <c r="I2734" s="37" t="s">
        <v>754</v>
      </c>
      <c r="J2734" s="35" t="s">
        <v>344</v>
      </c>
    </row>
    <row r="2735" spans="1:25" x14ac:dyDescent="0.2">
      <c r="B2735" s="5"/>
      <c r="C2735" s="40" t="s">
        <v>38</v>
      </c>
      <c r="D2735" s="41">
        <v>1642</v>
      </c>
      <c r="E2735" s="42">
        <v>59.6</v>
      </c>
      <c r="F2735" s="42">
        <v>26.4</v>
      </c>
      <c r="G2735" s="42">
        <v>4.9000000000000004</v>
      </c>
      <c r="H2735" s="42">
        <v>1.5</v>
      </c>
      <c r="I2735" s="43">
        <v>7.7</v>
      </c>
    </row>
    <row r="2736" spans="1:25" x14ac:dyDescent="0.2">
      <c r="B2736" s="72" t="s">
        <v>37</v>
      </c>
      <c r="C2736" s="38" t="s">
        <v>39</v>
      </c>
      <c r="D2736" s="44">
        <v>478</v>
      </c>
      <c r="E2736" s="45">
        <v>62.3</v>
      </c>
      <c r="F2736" s="45">
        <v>22.2</v>
      </c>
      <c r="G2736" s="45">
        <v>5.4</v>
      </c>
      <c r="H2736" s="45">
        <v>2.2999999999999998</v>
      </c>
      <c r="I2736" s="46">
        <v>7.7</v>
      </c>
    </row>
    <row r="2737" spans="1:25" x14ac:dyDescent="0.2">
      <c r="B2737" s="72"/>
      <c r="C2737" s="38" t="s">
        <v>40</v>
      </c>
      <c r="D2737" s="44">
        <v>252</v>
      </c>
      <c r="E2737" s="45">
        <v>58.3</v>
      </c>
      <c r="F2737" s="45">
        <v>26.2</v>
      </c>
      <c r="G2737" s="45">
        <v>4.4000000000000004</v>
      </c>
      <c r="H2737" s="45">
        <v>0.8</v>
      </c>
      <c r="I2737" s="46">
        <v>10.3</v>
      </c>
    </row>
    <row r="2738" spans="1:25" x14ac:dyDescent="0.2">
      <c r="B2738" s="72"/>
      <c r="C2738" s="38" t="s">
        <v>41</v>
      </c>
      <c r="D2738" s="44">
        <v>57</v>
      </c>
      <c r="E2738" s="45">
        <v>64.900000000000006</v>
      </c>
      <c r="F2738" s="45">
        <v>28.1</v>
      </c>
      <c r="G2738" s="45">
        <v>3.5</v>
      </c>
      <c r="H2738" s="45">
        <v>0</v>
      </c>
      <c r="I2738" s="46">
        <v>3.5</v>
      </c>
    </row>
    <row r="2739" spans="1:25" x14ac:dyDescent="0.2">
      <c r="B2739" s="72"/>
      <c r="C2739" s="38" t="s">
        <v>42</v>
      </c>
      <c r="D2739" s="44">
        <v>126</v>
      </c>
      <c r="E2739" s="45">
        <v>63.5</v>
      </c>
      <c r="F2739" s="45">
        <v>23</v>
      </c>
      <c r="G2739" s="45">
        <v>1.6</v>
      </c>
      <c r="H2739" s="45">
        <v>0</v>
      </c>
      <c r="I2739" s="46">
        <v>11.9</v>
      </c>
    </row>
    <row r="2740" spans="1:25" x14ac:dyDescent="0.2">
      <c r="B2740" s="72"/>
      <c r="C2740" s="38" t="s">
        <v>43</v>
      </c>
      <c r="D2740" s="44">
        <v>101</v>
      </c>
      <c r="E2740" s="45">
        <v>51.5</v>
      </c>
      <c r="F2740" s="45">
        <v>33.700000000000003</v>
      </c>
      <c r="G2740" s="45">
        <v>4</v>
      </c>
      <c r="H2740" s="45">
        <v>2</v>
      </c>
      <c r="I2740" s="46">
        <v>8.9</v>
      </c>
    </row>
    <row r="2741" spans="1:25" x14ac:dyDescent="0.2">
      <c r="B2741" s="72"/>
      <c r="C2741" s="38" t="s">
        <v>44</v>
      </c>
      <c r="D2741" s="44">
        <v>306</v>
      </c>
      <c r="E2741" s="45">
        <v>56.5</v>
      </c>
      <c r="F2741" s="45">
        <v>32</v>
      </c>
      <c r="G2741" s="45">
        <v>4.5999999999999996</v>
      </c>
      <c r="H2741" s="45">
        <v>2.2999999999999998</v>
      </c>
      <c r="I2741" s="46">
        <v>4.5999999999999996</v>
      </c>
    </row>
    <row r="2742" spans="1:25" x14ac:dyDescent="0.2">
      <c r="B2742" s="72"/>
      <c r="C2742" s="38" t="s">
        <v>45</v>
      </c>
      <c r="D2742" s="44">
        <v>87</v>
      </c>
      <c r="E2742" s="45">
        <v>65.5</v>
      </c>
      <c r="F2742" s="45">
        <v>20.7</v>
      </c>
      <c r="G2742" s="45">
        <v>8</v>
      </c>
      <c r="H2742" s="45">
        <v>2.2999999999999998</v>
      </c>
      <c r="I2742" s="46">
        <v>3.4</v>
      </c>
    </row>
    <row r="2743" spans="1:25" x14ac:dyDescent="0.2">
      <c r="B2743" s="72"/>
      <c r="C2743" s="38" t="s">
        <v>46</v>
      </c>
      <c r="D2743" s="44">
        <v>47</v>
      </c>
      <c r="E2743" s="45">
        <v>53.2</v>
      </c>
      <c r="F2743" s="45">
        <v>34</v>
      </c>
      <c r="G2743" s="45">
        <v>6.4</v>
      </c>
      <c r="H2743" s="45">
        <v>0</v>
      </c>
      <c r="I2743" s="46">
        <v>6.4</v>
      </c>
    </row>
    <row r="2744" spans="1:25" x14ac:dyDescent="0.2">
      <c r="B2744" s="72"/>
      <c r="C2744" s="38" t="s">
        <v>47</v>
      </c>
      <c r="D2744" s="44">
        <v>188</v>
      </c>
      <c r="E2744" s="45">
        <v>58.5</v>
      </c>
      <c r="F2744" s="45">
        <v>26.6</v>
      </c>
      <c r="G2744" s="45">
        <v>5.9</v>
      </c>
      <c r="H2744" s="45">
        <v>0</v>
      </c>
      <c r="I2744" s="46">
        <v>9</v>
      </c>
    </row>
    <row r="2745" spans="1:25" ht="21.6" x14ac:dyDescent="0.2">
      <c r="B2745" s="72"/>
      <c r="C2745" s="39" t="s">
        <v>48</v>
      </c>
      <c r="D2745" s="47">
        <v>912</v>
      </c>
      <c r="E2745" s="48">
        <v>58.6</v>
      </c>
      <c r="F2745" s="48">
        <v>28.6</v>
      </c>
      <c r="G2745" s="48">
        <v>4.7</v>
      </c>
      <c r="H2745" s="48">
        <v>1.2</v>
      </c>
      <c r="I2745" s="49">
        <v>6.9</v>
      </c>
    </row>
    <row r="2747" spans="1:25" x14ac:dyDescent="0.2">
      <c r="A2747" s="26" t="s">
        <v>25</v>
      </c>
      <c r="B2747" t="s">
        <v>35</v>
      </c>
      <c r="C2747" t="s">
        <v>35</v>
      </c>
    </row>
    <row r="2748" spans="1:25" x14ac:dyDescent="0.2">
      <c r="B2748" s="70" t="s">
        <v>313</v>
      </c>
      <c r="C2748" s="71"/>
      <c r="D2748" s="71"/>
      <c r="E2748" s="71"/>
      <c r="F2748" s="71"/>
      <c r="G2748" s="71"/>
      <c r="H2748" s="71"/>
      <c r="I2748" s="71"/>
      <c r="J2748" s="71"/>
      <c r="K2748" s="71"/>
      <c r="L2748" s="71"/>
      <c r="M2748" s="71"/>
      <c r="N2748" s="71"/>
      <c r="O2748" s="71"/>
      <c r="P2748" s="71"/>
      <c r="Q2748" s="71"/>
      <c r="R2748" s="71"/>
      <c r="S2748" s="71"/>
      <c r="T2748" s="71"/>
      <c r="U2748" s="71"/>
      <c r="V2748" s="71"/>
      <c r="W2748" s="71"/>
      <c r="X2748" s="71"/>
      <c r="Y2748" s="71"/>
    </row>
    <row r="2749" spans="1:25" s="32" customFormat="1" ht="47.25" customHeight="1" x14ac:dyDescent="0.15">
      <c r="A2749" s="31"/>
      <c r="D2749" s="33" t="s">
        <v>341</v>
      </c>
      <c r="E2749" s="36" t="s">
        <v>755</v>
      </c>
      <c r="F2749" s="51" t="s">
        <v>756</v>
      </c>
      <c r="G2749" s="51" t="s">
        <v>757</v>
      </c>
      <c r="H2749" s="51" t="s">
        <v>758</v>
      </c>
      <c r="I2749" s="51" t="s">
        <v>759</v>
      </c>
      <c r="J2749" s="51" t="s">
        <v>760</v>
      </c>
      <c r="K2749" s="51" t="s">
        <v>761</v>
      </c>
      <c r="L2749" s="51" t="s">
        <v>762</v>
      </c>
      <c r="M2749" s="37" t="s">
        <v>443</v>
      </c>
      <c r="N2749" s="35" t="s">
        <v>344</v>
      </c>
    </row>
    <row r="2750" spans="1:25" x14ac:dyDescent="0.2">
      <c r="B2750" s="5"/>
      <c r="C2750" s="40" t="s">
        <v>38</v>
      </c>
      <c r="D2750" s="41">
        <v>4307</v>
      </c>
      <c r="E2750" s="42">
        <v>8</v>
      </c>
      <c r="F2750" s="42">
        <v>10.4</v>
      </c>
      <c r="G2750" s="42">
        <v>15.4</v>
      </c>
      <c r="H2750" s="42">
        <v>14</v>
      </c>
      <c r="I2750" s="42">
        <v>5.6</v>
      </c>
      <c r="J2750" s="42">
        <v>5.9</v>
      </c>
      <c r="K2750" s="42">
        <v>8.6</v>
      </c>
      <c r="L2750" s="42">
        <v>18.399999999999999</v>
      </c>
      <c r="M2750" s="43">
        <v>13.7</v>
      </c>
    </row>
    <row r="2751" spans="1:25" x14ac:dyDescent="0.2">
      <c r="B2751" s="72" t="s">
        <v>37</v>
      </c>
      <c r="C2751" s="38" t="s">
        <v>39</v>
      </c>
      <c r="D2751" s="44">
        <v>1325</v>
      </c>
      <c r="E2751" s="45">
        <v>6</v>
      </c>
      <c r="F2751" s="45">
        <v>8.3000000000000007</v>
      </c>
      <c r="G2751" s="45">
        <v>13.5</v>
      </c>
      <c r="H2751" s="45">
        <v>13.1</v>
      </c>
      <c r="I2751" s="45">
        <v>6</v>
      </c>
      <c r="J2751" s="45">
        <v>6.2</v>
      </c>
      <c r="K2751" s="45">
        <v>9.6999999999999993</v>
      </c>
      <c r="L2751" s="45">
        <v>23.1</v>
      </c>
      <c r="M2751" s="46">
        <v>14</v>
      </c>
    </row>
    <row r="2752" spans="1:25" x14ac:dyDescent="0.2">
      <c r="B2752" s="72"/>
      <c r="C2752" s="38" t="s">
        <v>40</v>
      </c>
      <c r="D2752" s="44">
        <v>675</v>
      </c>
      <c r="E2752" s="45">
        <v>7.7</v>
      </c>
      <c r="F2752" s="45">
        <v>10.4</v>
      </c>
      <c r="G2752" s="45">
        <v>13.3</v>
      </c>
      <c r="H2752" s="45">
        <v>13</v>
      </c>
      <c r="I2752" s="45">
        <v>6.4</v>
      </c>
      <c r="J2752" s="45">
        <v>6.7</v>
      </c>
      <c r="K2752" s="45">
        <v>8.6999999999999993</v>
      </c>
      <c r="L2752" s="45">
        <v>17.899999999999999</v>
      </c>
      <c r="M2752" s="46">
        <v>15.9</v>
      </c>
    </row>
    <row r="2753" spans="1:25" x14ac:dyDescent="0.2">
      <c r="B2753" s="72"/>
      <c r="C2753" s="38" t="s">
        <v>41</v>
      </c>
      <c r="D2753" s="44">
        <v>168</v>
      </c>
      <c r="E2753" s="45">
        <v>13.1</v>
      </c>
      <c r="F2753" s="45">
        <v>13.1</v>
      </c>
      <c r="G2753" s="45">
        <v>20.2</v>
      </c>
      <c r="H2753" s="45">
        <v>14.9</v>
      </c>
      <c r="I2753" s="45">
        <v>5.4</v>
      </c>
      <c r="J2753" s="45">
        <v>4.2</v>
      </c>
      <c r="K2753" s="45">
        <v>6.5</v>
      </c>
      <c r="L2753" s="45">
        <v>10.1</v>
      </c>
      <c r="M2753" s="46">
        <v>12.5</v>
      </c>
    </row>
    <row r="2754" spans="1:25" x14ac:dyDescent="0.2">
      <c r="B2754" s="72"/>
      <c r="C2754" s="38" t="s">
        <v>42</v>
      </c>
      <c r="D2754" s="44">
        <v>290</v>
      </c>
      <c r="E2754" s="45">
        <v>9.3000000000000007</v>
      </c>
      <c r="F2754" s="45">
        <v>13.8</v>
      </c>
      <c r="G2754" s="45">
        <v>19</v>
      </c>
      <c r="H2754" s="45">
        <v>12.8</v>
      </c>
      <c r="I2754" s="45">
        <v>4.5</v>
      </c>
      <c r="J2754" s="45">
        <v>4.5</v>
      </c>
      <c r="K2754" s="45">
        <v>9.6999999999999993</v>
      </c>
      <c r="L2754" s="45">
        <v>11.4</v>
      </c>
      <c r="M2754" s="46">
        <v>15.2</v>
      </c>
    </row>
    <row r="2755" spans="1:25" x14ac:dyDescent="0.2">
      <c r="B2755" s="72"/>
      <c r="C2755" s="38" t="s">
        <v>43</v>
      </c>
      <c r="D2755" s="44">
        <v>231</v>
      </c>
      <c r="E2755" s="45">
        <v>5.6</v>
      </c>
      <c r="F2755" s="45">
        <v>14.3</v>
      </c>
      <c r="G2755" s="45">
        <v>14.7</v>
      </c>
      <c r="H2755" s="45">
        <v>16.5</v>
      </c>
      <c r="I2755" s="45">
        <v>5.6</v>
      </c>
      <c r="J2755" s="45">
        <v>2.2000000000000002</v>
      </c>
      <c r="K2755" s="45">
        <v>7.4</v>
      </c>
      <c r="L2755" s="45">
        <v>21.2</v>
      </c>
      <c r="M2755" s="46">
        <v>12.6</v>
      </c>
    </row>
    <row r="2756" spans="1:25" x14ac:dyDescent="0.2">
      <c r="B2756" s="72"/>
      <c r="C2756" s="38" t="s">
        <v>44</v>
      </c>
      <c r="D2756" s="44">
        <v>800</v>
      </c>
      <c r="E2756" s="45">
        <v>7.5</v>
      </c>
      <c r="F2756" s="45">
        <v>10.3</v>
      </c>
      <c r="G2756" s="45">
        <v>16</v>
      </c>
      <c r="H2756" s="45">
        <v>17</v>
      </c>
      <c r="I2756" s="45">
        <v>6</v>
      </c>
      <c r="J2756" s="45">
        <v>5.8</v>
      </c>
      <c r="K2756" s="45">
        <v>7.8</v>
      </c>
      <c r="L2756" s="45">
        <v>18.600000000000001</v>
      </c>
      <c r="M2756" s="46">
        <v>11.1</v>
      </c>
    </row>
    <row r="2757" spans="1:25" x14ac:dyDescent="0.2">
      <c r="B2757" s="72"/>
      <c r="C2757" s="38" t="s">
        <v>45</v>
      </c>
      <c r="D2757" s="44">
        <v>240</v>
      </c>
      <c r="E2757" s="45">
        <v>12.1</v>
      </c>
      <c r="F2757" s="45">
        <v>9.6</v>
      </c>
      <c r="G2757" s="45">
        <v>17.899999999999999</v>
      </c>
      <c r="H2757" s="45">
        <v>12.9</v>
      </c>
      <c r="I2757" s="45">
        <v>5.8</v>
      </c>
      <c r="J2757" s="45">
        <v>7.5</v>
      </c>
      <c r="K2757" s="45">
        <v>7.1</v>
      </c>
      <c r="L2757" s="45">
        <v>15.4</v>
      </c>
      <c r="M2757" s="46">
        <v>11.7</v>
      </c>
    </row>
    <row r="2758" spans="1:25" x14ac:dyDescent="0.2">
      <c r="B2758" s="72"/>
      <c r="C2758" s="38" t="s">
        <v>46</v>
      </c>
      <c r="D2758" s="44">
        <v>117</v>
      </c>
      <c r="E2758" s="45">
        <v>6.8</v>
      </c>
      <c r="F2758" s="45">
        <v>15.4</v>
      </c>
      <c r="G2758" s="45">
        <v>17.100000000000001</v>
      </c>
      <c r="H2758" s="45">
        <v>12.8</v>
      </c>
      <c r="I2758" s="45">
        <v>1.7</v>
      </c>
      <c r="J2758" s="45">
        <v>8.5</v>
      </c>
      <c r="K2758" s="45">
        <v>12.8</v>
      </c>
      <c r="L2758" s="45">
        <v>10.3</v>
      </c>
      <c r="M2758" s="46">
        <v>14.5</v>
      </c>
    </row>
    <row r="2759" spans="1:25" x14ac:dyDescent="0.2">
      <c r="B2759" s="72"/>
      <c r="C2759" s="38" t="s">
        <v>47</v>
      </c>
      <c r="D2759" s="44">
        <v>461</v>
      </c>
      <c r="E2759" s="45">
        <v>11.5</v>
      </c>
      <c r="F2759" s="45">
        <v>10.8</v>
      </c>
      <c r="G2759" s="45">
        <v>17.100000000000001</v>
      </c>
      <c r="H2759" s="45">
        <v>13.2</v>
      </c>
      <c r="I2759" s="45">
        <v>4.0999999999999996</v>
      </c>
      <c r="J2759" s="45">
        <v>5.6</v>
      </c>
      <c r="K2759" s="45">
        <v>7.4</v>
      </c>
      <c r="L2759" s="45">
        <v>15.2</v>
      </c>
      <c r="M2759" s="46">
        <v>15</v>
      </c>
    </row>
    <row r="2760" spans="1:25" ht="21.6" x14ac:dyDescent="0.2">
      <c r="B2760" s="72"/>
      <c r="C2760" s="39" t="s">
        <v>48</v>
      </c>
      <c r="D2760" s="47">
        <v>2307</v>
      </c>
      <c r="E2760" s="48">
        <v>9.1999999999999993</v>
      </c>
      <c r="F2760" s="48">
        <v>11.6</v>
      </c>
      <c r="G2760" s="48">
        <v>17</v>
      </c>
      <c r="H2760" s="48">
        <v>14.9</v>
      </c>
      <c r="I2760" s="48">
        <v>5.0999999999999996</v>
      </c>
      <c r="J2760" s="48">
        <v>5.4</v>
      </c>
      <c r="K2760" s="48">
        <v>8</v>
      </c>
      <c r="L2760" s="48">
        <v>15.9</v>
      </c>
      <c r="M2760" s="49">
        <v>12.9</v>
      </c>
    </row>
    <row r="2761" spans="1:25" x14ac:dyDescent="0.2">
      <c r="B2761" s="7" t="s">
        <v>49</v>
      </c>
      <c r="C2761" s="4" t="s">
        <v>314</v>
      </c>
    </row>
    <row r="2762" spans="1:25" x14ac:dyDescent="0.2">
      <c r="B2762" s="4"/>
      <c r="C2762" s="4" t="s">
        <v>51</v>
      </c>
    </row>
    <row r="2764" spans="1:25" x14ac:dyDescent="0.2">
      <c r="A2764" s="26" t="s">
        <v>25</v>
      </c>
      <c r="B2764" t="s">
        <v>35</v>
      </c>
      <c r="C2764" t="s">
        <v>35</v>
      </c>
    </row>
    <row r="2765" spans="1:25" x14ac:dyDescent="0.2">
      <c r="B2765" s="70" t="s">
        <v>315</v>
      </c>
      <c r="C2765" s="71"/>
      <c r="D2765" s="71"/>
      <c r="E2765" s="71"/>
      <c r="F2765" s="71"/>
      <c r="G2765" s="71"/>
      <c r="H2765" s="71"/>
      <c r="I2765" s="71"/>
      <c r="J2765" s="71"/>
      <c r="K2765" s="71"/>
      <c r="L2765" s="71"/>
      <c r="M2765" s="71"/>
      <c r="N2765" s="71"/>
      <c r="O2765" s="71"/>
      <c r="P2765" s="71"/>
      <c r="Q2765" s="71"/>
      <c r="R2765" s="71"/>
      <c r="S2765" s="71"/>
      <c r="T2765" s="71"/>
      <c r="U2765" s="71"/>
      <c r="V2765" s="71"/>
      <c r="W2765" s="71"/>
      <c r="X2765" s="71"/>
      <c r="Y2765" s="71"/>
    </row>
    <row r="2766" spans="1:25" s="32" customFormat="1" ht="36.450000000000003" customHeight="1" x14ac:dyDescent="0.15">
      <c r="A2766" s="31"/>
      <c r="D2766" s="33" t="s">
        <v>341</v>
      </c>
      <c r="E2766" s="36" t="s">
        <v>763</v>
      </c>
      <c r="F2766" s="51" t="s">
        <v>764</v>
      </c>
      <c r="G2766" s="51" t="s">
        <v>765</v>
      </c>
      <c r="H2766" s="37" t="s">
        <v>443</v>
      </c>
      <c r="I2766" s="35" t="s">
        <v>344</v>
      </c>
    </row>
    <row r="2767" spans="1:25" x14ac:dyDescent="0.2">
      <c r="B2767" s="5"/>
      <c r="C2767" s="40" t="s">
        <v>38</v>
      </c>
      <c r="D2767" s="41">
        <v>4307</v>
      </c>
      <c r="E2767" s="42">
        <v>33.799999999999997</v>
      </c>
      <c r="F2767" s="42">
        <v>25.5</v>
      </c>
      <c r="G2767" s="42">
        <v>27.1</v>
      </c>
      <c r="H2767" s="43">
        <v>13.7</v>
      </c>
    </row>
    <row r="2768" spans="1:25" x14ac:dyDescent="0.2">
      <c r="B2768" s="72" t="s">
        <v>37</v>
      </c>
      <c r="C2768" s="38" t="s">
        <v>39</v>
      </c>
      <c r="D2768" s="44">
        <v>1325</v>
      </c>
      <c r="E2768" s="45">
        <v>27.8</v>
      </c>
      <c r="F2768" s="45">
        <v>25.3</v>
      </c>
      <c r="G2768" s="45">
        <v>32.799999999999997</v>
      </c>
      <c r="H2768" s="46">
        <v>14</v>
      </c>
    </row>
    <row r="2769" spans="1:25" x14ac:dyDescent="0.2">
      <c r="B2769" s="72"/>
      <c r="C2769" s="38" t="s">
        <v>40</v>
      </c>
      <c r="D2769" s="44">
        <v>675</v>
      </c>
      <c r="E2769" s="45">
        <v>31.4</v>
      </c>
      <c r="F2769" s="45">
        <v>26.1</v>
      </c>
      <c r="G2769" s="45">
        <v>26.7</v>
      </c>
      <c r="H2769" s="46">
        <v>15.9</v>
      </c>
    </row>
    <row r="2770" spans="1:25" x14ac:dyDescent="0.2">
      <c r="B2770" s="72"/>
      <c r="C2770" s="38" t="s">
        <v>41</v>
      </c>
      <c r="D2770" s="44">
        <v>168</v>
      </c>
      <c r="E2770" s="45">
        <v>46.4</v>
      </c>
      <c r="F2770" s="45">
        <v>24.4</v>
      </c>
      <c r="G2770" s="45">
        <v>16.7</v>
      </c>
      <c r="H2770" s="46">
        <v>12.5</v>
      </c>
    </row>
    <row r="2771" spans="1:25" x14ac:dyDescent="0.2">
      <c r="B2771" s="72"/>
      <c r="C2771" s="38" t="s">
        <v>42</v>
      </c>
      <c r="D2771" s="44">
        <v>290</v>
      </c>
      <c r="E2771" s="45">
        <v>42.1</v>
      </c>
      <c r="F2771" s="45">
        <v>21.7</v>
      </c>
      <c r="G2771" s="45">
        <v>21</v>
      </c>
      <c r="H2771" s="46">
        <v>15.2</v>
      </c>
    </row>
    <row r="2772" spans="1:25" x14ac:dyDescent="0.2">
      <c r="B2772" s="72"/>
      <c r="C2772" s="38" t="s">
        <v>43</v>
      </c>
      <c r="D2772" s="44">
        <v>231</v>
      </c>
      <c r="E2772" s="45">
        <v>34.6</v>
      </c>
      <c r="F2772" s="45">
        <v>24.2</v>
      </c>
      <c r="G2772" s="45">
        <v>28.6</v>
      </c>
      <c r="H2772" s="46">
        <v>12.6</v>
      </c>
    </row>
    <row r="2773" spans="1:25" x14ac:dyDescent="0.2">
      <c r="B2773" s="72"/>
      <c r="C2773" s="38" t="s">
        <v>44</v>
      </c>
      <c r="D2773" s="44">
        <v>800</v>
      </c>
      <c r="E2773" s="45">
        <v>33.799999999999997</v>
      </c>
      <c r="F2773" s="45">
        <v>28.8</v>
      </c>
      <c r="G2773" s="45">
        <v>26.4</v>
      </c>
      <c r="H2773" s="46">
        <v>11.1</v>
      </c>
    </row>
    <row r="2774" spans="1:25" x14ac:dyDescent="0.2">
      <c r="B2774" s="72"/>
      <c r="C2774" s="38" t="s">
        <v>45</v>
      </c>
      <c r="D2774" s="44">
        <v>240</v>
      </c>
      <c r="E2774" s="45">
        <v>39.6</v>
      </c>
      <c r="F2774" s="45">
        <v>26.3</v>
      </c>
      <c r="G2774" s="45">
        <v>22.5</v>
      </c>
      <c r="H2774" s="46">
        <v>11.7</v>
      </c>
    </row>
    <row r="2775" spans="1:25" x14ac:dyDescent="0.2">
      <c r="B2775" s="72"/>
      <c r="C2775" s="38" t="s">
        <v>46</v>
      </c>
      <c r="D2775" s="44">
        <v>117</v>
      </c>
      <c r="E2775" s="45">
        <v>39.299999999999997</v>
      </c>
      <c r="F2775" s="45">
        <v>23.1</v>
      </c>
      <c r="G2775" s="45">
        <v>23.1</v>
      </c>
      <c r="H2775" s="46">
        <v>14.5</v>
      </c>
    </row>
    <row r="2776" spans="1:25" x14ac:dyDescent="0.2">
      <c r="B2776" s="72"/>
      <c r="C2776" s="38" t="s">
        <v>47</v>
      </c>
      <c r="D2776" s="44">
        <v>461</v>
      </c>
      <c r="E2776" s="45">
        <v>39.5</v>
      </c>
      <c r="F2776" s="45">
        <v>23</v>
      </c>
      <c r="G2776" s="45">
        <v>22.6</v>
      </c>
      <c r="H2776" s="46">
        <v>15</v>
      </c>
    </row>
    <row r="2777" spans="1:25" ht="21.6" x14ac:dyDescent="0.2">
      <c r="B2777" s="72"/>
      <c r="C2777" s="39" t="s">
        <v>48</v>
      </c>
      <c r="D2777" s="47">
        <v>2307</v>
      </c>
      <c r="E2777" s="48">
        <v>37.799999999999997</v>
      </c>
      <c r="F2777" s="48">
        <v>25.4</v>
      </c>
      <c r="G2777" s="48">
        <v>23.9</v>
      </c>
      <c r="H2777" s="49">
        <v>12.9</v>
      </c>
    </row>
    <row r="2779" spans="1:25" x14ac:dyDescent="0.2">
      <c r="A2779" s="26" t="s">
        <v>25</v>
      </c>
      <c r="B2779" t="s">
        <v>35</v>
      </c>
      <c r="C2779" t="s">
        <v>35</v>
      </c>
    </row>
    <row r="2780" spans="1:25" x14ac:dyDescent="0.2">
      <c r="B2780" s="70" t="s">
        <v>316</v>
      </c>
      <c r="C2780" s="71"/>
      <c r="D2780" s="71"/>
      <c r="E2780" s="71"/>
      <c r="F2780" s="71"/>
      <c r="G2780" s="71"/>
      <c r="H2780" s="71"/>
      <c r="I2780" s="71"/>
      <c r="J2780" s="71"/>
      <c r="K2780" s="71"/>
      <c r="L2780" s="71"/>
      <c r="M2780" s="71"/>
      <c r="N2780" s="71"/>
      <c r="O2780" s="71"/>
      <c r="P2780" s="71"/>
      <c r="Q2780" s="71"/>
      <c r="R2780" s="71"/>
      <c r="S2780" s="71"/>
      <c r="T2780" s="71"/>
      <c r="U2780" s="71"/>
      <c r="V2780" s="71"/>
      <c r="W2780" s="71"/>
      <c r="X2780" s="71"/>
      <c r="Y2780" s="71"/>
    </row>
    <row r="2781" spans="1:25" s="32" customFormat="1" ht="36.450000000000003" customHeight="1" x14ac:dyDescent="0.15">
      <c r="A2781" s="31"/>
      <c r="D2781" s="33" t="s">
        <v>341</v>
      </c>
      <c r="E2781" s="36" t="s">
        <v>766</v>
      </c>
      <c r="F2781" s="51" t="s">
        <v>757</v>
      </c>
      <c r="G2781" s="51" t="s">
        <v>764</v>
      </c>
      <c r="H2781" s="51" t="s">
        <v>765</v>
      </c>
      <c r="I2781" s="37" t="s">
        <v>443</v>
      </c>
      <c r="J2781" s="35" t="s">
        <v>344</v>
      </c>
    </row>
    <row r="2782" spans="1:25" x14ac:dyDescent="0.2">
      <c r="B2782" s="5"/>
      <c r="C2782" s="40" t="s">
        <v>38</v>
      </c>
      <c r="D2782" s="41">
        <v>4307</v>
      </c>
      <c r="E2782" s="42">
        <v>18.399999999999999</v>
      </c>
      <c r="F2782" s="42">
        <v>15.4</v>
      </c>
      <c r="G2782" s="42">
        <v>25.5</v>
      </c>
      <c r="H2782" s="42">
        <v>27.1</v>
      </c>
      <c r="I2782" s="43">
        <v>13.7</v>
      </c>
    </row>
    <row r="2783" spans="1:25" x14ac:dyDescent="0.2">
      <c r="B2783" s="72" t="s">
        <v>37</v>
      </c>
      <c r="C2783" s="38" t="s">
        <v>39</v>
      </c>
      <c r="D2783" s="44">
        <v>1325</v>
      </c>
      <c r="E2783" s="45">
        <v>14.3</v>
      </c>
      <c r="F2783" s="45">
        <v>13.5</v>
      </c>
      <c r="G2783" s="45">
        <v>25.3</v>
      </c>
      <c r="H2783" s="45">
        <v>32.799999999999997</v>
      </c>
      <c r="I2783" s="46">
        <v>14</v>
      </c>
    </row>
    <row r="2784" spans="1:25" x14ac:dyDescent="0.2">
      <c r="B2784" s="72"/>
      <c r="C2784" s="38" t="s">
        <v>40</v>
      </c>
      <c r="D2784" s="44">
        <v>675</v>
      </c>
      <c r="E2784" s="45">
        <v>18.100000000000001</v>
      </c>
      <c r="F2784" s="45">
        <v>13.3</v>
      </c>
      <c r="G2784" s="45">
        <v>26.1</v>
      </c>
      <c r="H2784" s="45">
        <v>26.7</v>
      </c>
      <c r="I2784" s="46">
        <v>15.9</v>
      </c>
    </row>
    <row r="2785" spans="1:25" x14ac:dyDescent="0.2">
      <c r="B2785" s="72"/>
      <c r="C2785" s="38" t="s">
        <v>41</v>
      </c>
      <c r="D2785" s="44">
        <v>168</v>
      </c>
      <c r="E2785" s="45">
        <v>26.2</v>
      </c>
      <c r="F2785" s="45">
        <v>20.2</v>
      </c>
      <c r="G2785" s="45">
        <v>24.4</v>
      </c>
      <c r="H2785" s="45">
        <v>16.7</v>
      </c>
      <c r="I2785" s="46">
        <v>12.5</v>
      </c>
    </row>
    <row r="2786" spans="1:25" x14ac:dyDescent="0.2">
      <c r="B2786" s="72"/>
      <c r="C2786" s="38" t="s">
        <v>42</v>
      </c>
      <c r="D2786" s="44">
        <v>290</v>
      </c>
      <c r="E2786" s="45">
        <v>23.1</v>
      </c>
      <c r="F2786" s="45">
        <v>19</v>
      </c>
      <c r="G2786" s="45">
        <v>21.7</v>
      </c>
      <c r="H2786" s="45">
        <v>21</v>
      </c>
      <c r="I2786" s="46">
        <v>15.2</v>
      </c>
    </row>
    <row r="2787" spans="1:25" x14ac:dyDescent="0.2">
      <c r="B2787" s="72"/>
      <c r="C2787" s="38" t="s">
        <v>43</v>
      </c>
      <c r="D2787" s="44">
        <v>231</v>
      </c>
      <c r="E2787" s="45">
        <v>19.899999999999999</v>
      </c>
      <c r="F2787" s="45">
        <v>14.7</v>
      </c>
      <c r="G2787" s="45">
        <v>24.2</v>
      </c>
      <c r="H2787" s="45">
        <v>28.6</v>
      </c>
      <c r="I2787" s="46">
        <v>12.6</v>
      </c>
    </row>
    <row r="2788" spans="1:25" x14ac:dyDescent="0.2">
      <c r="B2788" s="72"/>
      <c r="C2788" s="38" t="s">
        <v>44</v>
      </c>
      <c r="D2788" s="44">
        <v>800</v>
      </c>
      <c r="E2788" s="45">
        <v>17.8</v>
      </c>
      <c r="F2788" s="45">
        <v>16</v>
      </c>
      <c r="G2788" s="45">
        <v>28.8</v>
      </c>
      <c r="H2788" s="45">
        <v>26.4</v>
      </c>
      <c r="I2788" s="46">
        <v>11.1</v>
      </c>
    </row>
    <row r="2789" spans="1:25" x14ac:dyDescent="0.2">
      <c r="B2789" s="72"/>
      <c r="C2789" s="38" t="s">
        <v>45</v>
      </c>
      <c r="D2789" s="44">
        <v>240</v>
      </c>
      <c r="E2789" s="45">
        <v>21.7</v>
      </c>
      <c r="F2789" s="45">
        <v>17.899999999999999</v>
      </c>
      <c r="G2789" s="45">
        <v>26.3</v>
      </c>
      <c r="H2789" s="45">
        <v>22.5</v>
      </c>
      <c r="I2789" s="46">
        <v>11.7</v>
      </c>
    </row>
    <row r="2790" spans="1:25" x14ac:dyDescent="0.2">
      <c r="B2790" s="72"/>
      <c r="C2790" s="38" t="s">
        <v>46</v>
      </c>
      <c r="D2790" s="44">
        <v>117</v>
      </c>
      <c r="E2790" s="45">
        <v>22.2</v>
      </c>
      <c r="F2790" s="45">
        <v>17.100000000000001</v>
      </c>
      <c r="G2790" s="45">
        <v>23.1</v>
      </c>
      <c r="H2790" s="45">
        <v>23.1</v>
      </c>
      <c r="I2790" s="46">
        <v>14.5</v>
      </c>
    </row>
    <row r="2791" spans="1:25" x14ac:dyDescent="0.2">
      <c r="B2791" s="72"/>
      <c r="C2791" s="38" t="s">
        <v>47</v>
      </c>
      <c r="D2791" s="44">
        <v>461</v>
      </c>
      <c r="E2791" s="45">
        <v>22.3</v>
      </c>
      <c r="F2791" s="45">
        <v>17.100000000000001</v>
      </c>
      <c r="G2791" s="45">
        <v>23</v>
      </c>
      <c r="H2791" s="45">
        <v>22.6</v>
      </c>
      <c r="I2791" s="46">
        <v>15</v>
      </c>
    </row>
    <row r="2792" spans="1:25" ht="21.6" x14ac:dyDescent="0.2">
      <c r="B2792" s="72"/>
      <c r="C2792" s="39" t="s">
        <v>48</v>
      </c>
      <c r="D2792" s="47">
        <v>2307</v>
      </c>
      <c r="E2792" s="48">
        <v>20.8</v>
      </c>
      <c r="F2792" s="48">
        <v>17</v>
      </c>
      <c r="G2792" s="48">
        <v>25.4</v>
      </c>
      <c r="H2792" s="48">
        <v>23.9</v>
      </c>
      <c r="I2792" s="49">
        <v>12.9</v>
      </c>
    </row>
    <row r="2794" spans="1:25" x14ac:dyDescent="0.2">
      <c r="A2794" s="26" t="s">
        <v>25</v>
      </c>
      <c r="B2794" t="s">
        <v>35</v>
      </c>
      <c r="C2794" t="s">
        <v>35</v>
      </c>
    </row>
    <row r="2795" spans="1:25" x14ac:dyDescent="0.2">
      <c r="B2795" s="70" t="s">
        <v>317</v>
      </c>
      <c r="C2795" s="71"/>
      <c r="D2795" s="71"/>
      <c r="E2795" s="71"/>
      <c r="F2795" s="71"/>
      <c r="G2795" s="71"/>
      <c r="H2795" s="71"/>
      <c r="I2795" s="71"/>
      <c r="J2795" s="71"/>
      <c r="K2795" s="71"/>
      <c r="L2795" s="71"/>
      <c r="M2795" s="71"/>
      <c r="N2795" s="71"/>
      <c r="O2795" s="71"/>
      <c r="P2795" s="71"/>
      <c r="Q2795" s="71"/>
      <c r="R2795" s="71"/>
      <c r="S2795" s="71"/>
      <c r="T2795" s="71"/>
      <c r="U2795" s="71"/>
      <c r="V2795" s="71"/>
      <c r="W2795" s="71"/>
      <c r="X2795" s="71"/>
      <c r="Y2795" s="71"/>
    </row>
    <row r="2796" spans="1:25" s="32" customFormat="1" ht="58.05" customHeight="1" x14ac:dyDescent="0.15">
      <c r="A2796" s="31"/>
      <c r="D2796" s="33" t="s">
        <v>341</v>
      </c>
      <c r="E2796" s="36" t="s">
        <v>767</v>
      </c>
      <c r="F2796" s="51" t="s">
        <v>768</v>
      </c>
      <c r="G2796" s="51" t="s">
        <v>769</v>
      </c>
      <c r="H2796" s="51" t="s">
        <v>770</v>
      </c>
      <c r="I2796" s="51" t="s">
        <v>771</v>
      </c>
      <c r="J2796" s="51" t="s">
        <v>772</v>
      </c>
      <c r="K2796" s="51" t="s">
        <v>773</v>
      </c>
      <c r="L2796" s="51" t="s">
        <v>774</v>
      </c>
      <c r="M2796" s="51" t="s">
        <v>775</v>
      </c>
      <c r="N2796" s="51" t="s">
        <v>776</v>
      </c>
      <c r="O2796" s="51" t="s">
        <v>430</v>
      </c>
      <c r="P2796" s="37" t="s">
        <v>443</v>
      </c>
      <c r="Q2796" s="35" t="s">
        <v>344</v>
      </c>
    </row>
    <row r="2797" spans="1:25" x14ac:dyDescent="0.2">
      <c r="B2797" s="5"/>
      <c r="C2797" s="40" t="s">
        <v>38</v>
      </c>
      <c r="D2797" s="41">
        <v>4307</v>
      </c>
      <c r="E2797" s="42">
        <v>7.3</v>
      </c>
      <c r="F2797" s="42">
        <v>15.5</v>
      </c>
      <c r="G2797" s="42">
        <v>26.5</v>
      </c>
      <c r="H2797" s="42">
        <v>15.4</v>
      </c>
      <c r="I2797" s="42">
        <v>13</v>
      </c>
      <c r="J2797" s="42">
        <v>0.9</v>
      </c>
      <c r="K2797" s="42">
        <v>9.1</v>
      </c>
      <c r="L2797" s="42">
        <v>2.2999999999999998</v>
      </c>
      <c r="M2797" s="42">
        <v>1.6</v>
      </c>
      <c r="N2797" s="42">
        <v>3.9</v>
      </c>
      <c r="O2797" s="42">
        <v>2</v>
      </c>
      <c r="P2797" s="43">
        <v>2.5</v>
      </c>
    </row>
    <row r="2798" spans="1:25" x14ac:dyDescent="0.2">
      <c r="B2798" s="72" t="s">
        <v>37</v>
      </c>
      <c r="C2798" s="38" t="s">
        <v>39</v>
      </c>
      <c r="D2798" s="44">
        <v>1325</v>
      </c>
      <c r="E2798" s="45">
        <v>8.5</v>
      </c>
      <c r="F2798" s="45">
        <v>17.100000000000001</v>
      </c>
      <c r="G2798" s="45">
        <v>29.6</v>
      </c>
      <c r="H2798" s="45">
        <v>15.1</v>
      </c>
      <c r="I2798" s="45">
        <v>12.3</v>
      </c>
      <c r="J2798" s="45">
        <v>1.1000000000000001</v>
      </c>
      <c r="K2798" s="45">
        <v>5.0999999999999996</v>
      </c>
      <c r="L2798" s="45">
        <v>2.4</v>
      </c>
      <c r="M2798" s="45">
        <v>1.5</v>
      </c>
      <c r="N2798" s="45">
        <v>3.8</v>
      </c>
      <c r="O2798" s="45">
        <v>1.3</v>
      </c>
      <c r="P2798" s="46">
        <v>2.2000000000000002</v>
      </c>
    </row>
    <row r="2799" spans="1:25" x14ac:dyDescent="0.2">
      <c r="B2799" s="72"/>
      <c r="C2799" s="38" t="s">
        <v>40</v>
      </c>
      <c r="D2799" s="44">
        <v>675</v>
      </c>
      <c r="E2799" s="45">
        <v>7.6</v>
      </c>
      <c r="F2799" s="45">
        <v>15.4</v>
      </c>
      <c r="G2799" s="45">
        <v>25.6</v>
      </c>
      <c r="H2799" s="45">
        <v>15.4</v>
      </c>
      <c r="I2799" s="45">
        <v>13.9</v>
      </c>
      <c r="J2799" s="45">
        <v>0.7</v>
      </c>
      <c r="K2799" s="45">
        <v>9.1999999999999993</v>
      </c>
      <c r="L2799" s="45">
        <v>2.1</v>
      </c>
      <c r="M2799" s="45">
        <v>1.2</v>
      </c>
      <c r="N2799" s="45">
        <v>4</v>
      </c>
      <c r="O2799" s="45">
        <v>2.2000000000000002</v>
      </c>
      <c r="P2799" s="46">
        <v>2.7</v>
      </c>
    </row>
    <row r="2800" spans="1:25" x14ac:dyDescent="0.2">
      <c r="B2800" s="72"/>
      <c r="C2800" s="38" t="s">
        <v>41</v>
      </c>
      <c r="D2800" s="44">
        <v>168</v>
      </c>
      <c r="E2800" s="45">
        <v>7.7</v>
      </c>
      <c r="F2800" s="45">
        <v>14.3</v>
      </c>
      <c r="G2800" s="45">
        <v>27.4</v>
      </c>
      <c r="H2800" s="45">
        <v>18.5</v>
      </c>
      <c r="I2800" s="45">
        <v>10.7</v>
      </c>
      <c r="J2800" s="45">
        <v>0.6</v>
      </c>
      <c r="K2800" s="45">
        <v>7.7</v>
      </c>
      <c r="L2800" s="45">
        <v>3</v>
      </c>
      <c r="M2800" s="45">
        <v>1.2</v>
      </c>
      <c r="N2800" s="45">
        <v>2.4</v>
      </c>
      <c r="O2800" s="45">
        <v>3</v>
      </c>
      <c r="P2800" s="46">
        <v>3.6</v>
      </c>
    </row>
    <row r="2801" spans="1:25" x14ac:dyDescent="0.2">
      <c r="B2801" s="72"/>
      <c r="C2801" s="38" t="s">
        <v>42</v>
      </c>
      <c r="D2801" s="44">
        <v>290</v>
      </c>
      <c r="E2801" s="45">
        <v>5.2</v>
      </c>
      <c r="F2801" s="45">
        <v>12.1</v>
      </c>
      <c r="G2801" s="45">
        <v>27.6</v>
      </c>
      <c r="H2801" s="45">
        <v>18.3</v>
      </c>
      <c r="I2801" s="45">
        <v>11.7</v>
      </c>
      <c r="J2801" s="45">
        <v>0</v>
      </c>
      <c r="K2801" s="45">
        <v>11.4</v>
      </c>
      <c r="L2801" s="45">
        <v>2.1</v>
      </c>
      <c r="M2801" s="45">
        <v>2.8</v>
      </c>
      <c r="N2801" s="45">
        <v>3.8</v>
      </c>
      <c r="O2801" s="45">
        <v>3.1</v>
      </c>
      <c r="P2801" s="46">
        <v>2.1</v>
      </c>
    </row>
    <row r="2802" spans="1:25" x14ac:dyDescent="0.2">
      <c r="B2802" s="72"/>
      <c r="C2802" s="38" t="s">
        <v>43</v>
      </c>
      <c r="D2802" s="44">
        <v>231</v>
      </c>
      <c r="E2802" s="45">
        <v>7.4</v>
      </c>
      <c r="F2802" s="45">
        <v>17.7</v>
      </c>
      <c r="G2802" s="45">
        <v>17.7</v>
      </c>
      <c r="H2802" s="45">
        <v>13.9</v>
      </c>
      <c r="I2802" s="45">
        <v>12.1</v>
      </c>
      <c r="J2802" s="45">
        <v>1.7</v>
      </c>
      <c r="K2802" s="45">
        <v>13</v>
      </c>
      <c r="L2802" s="45">
        <v>3.5</v>
      </c>
      <c r="M2802" s="45">
        <v>0.9</v>
      </c>
      <c r="N2802" s="45">
        <v>5.2</v>
      </c>
      <c r="O2802" s="45">
        <v>2.6</v>
      </c>
      <c r="P2802" s="46">
        <v>4.3</v>
      </c>
    </row>
    <row r="2803" spans="1:25" x14ac:dyDescent="0.2">
      <c r="B2803" s="72"/>
      <c r="C2803" s="38" t="s">
        <v>44</v>
      </c>
      <c r="D2803" s="44">
        <v>800</v>
      </c>
      <c r="E2803" s="45">
        <v>6.1</v>
      </c>
      <c r="F2803" s="45">
        <v>14.3</v>
      </c>
      <c r="G2803" s="45">
        <v>23.8</v>
      </c>
      <c r="H2803" s="45">
        <v>15.5</v>
      </c>
      <c r="I2803" s="45">
        <v>12.6</v>
      </c>
      <c r="J2803" s="45">
        <v>1</v>
      </c>
      <c r="K2803" s="45">
        <v>13.1</v>
      </c>
      <c r="L2803" s="45">
        <v>2.6</v>
      </c>
      <c r="M2803" s="45">
        <v>1.8</v>
      </c>
      <c r="N2803" s="45">
        <v>4.9000000000000004</v>
      </c>
      <c r="O2803" s="45">
        <v>1.9</v>
      </c>
      <c r="P2803" s="46">
        <v>2.5</v>
      </c>
    </row>
    <row r="2804" spans="1:25" x14ac:dyDescent="0.2">
      <c r="B2804" s="72"/>
      <c r="C2804" s="38" t="s">
        <v>45</v>
      </c>
      <c r="D2804" s="44">
        <v>240</v>
      </c>
      <c r="E2804" s="45">
        <v>4.2</v>
      </c>
      <c r="F2804" s="45">
        <v>19.2</v>
      </c>
      <c r="G2804" s="45">
        <v>27.5</v>
      </c>
      <c r="H2804" s="45">
        <v>17.5</v>
      </c>
      <c r="I2804" s="45">
        <v>11.7</v>
      </c>
      <c r="J2804" s="45">
        <v>0.4</v>
      </c>
      <c r="K2804" s="45">
        <v>8.3000000000000007</v>
      </c>
      <c r="L2804" s="45">
        <v>1.3</v>
      </c>
      <c r="M2804" s="45">
        <v>2.1</v>
      </c>
      <c r="N2804" s="45">
        <v>1.7</v>
      </c>
      <c r="O2804" s="45">
        <v>2.9</v>
      </c>
      <c r="P2804" s="46">
        <v>3.3</v>
      </c>
    </row>
    <row r="2805" spans="1:25" x14ac:dyDescent="0.2">
      <c r="B2805" s="72"/>
      <c r="C2805" s="38" t="s">
        <v>46</v>
      </c>
      <c r="D2805" s="44">
        <v>117</v>
      </c>
      <c r="E2805" s="45">
        <v>6.8</v>
      </c>
      <c r="F2805" s="45">
        <v>12.8</v>
      </c>
      <c r="G2805" s="45">
        <v>30.8</v>
      </c>
      <c r="H2805" s="45">
        <v>9.4</v>
      </c>
      <c r="I2805" s="45">
        <v>12.8</v>
      </c>
      <c r="J2805" s="45">
        <v>0.9</v>
      </c>
      <c r="K2805" s="45">
        <v>16.2</v>
      </c>
      <c r="L2805" s="45">
        <v>1.7</v>
      </c>
      <c r="M2805" s="45">
        <v>0.9</v>
      </c>
      <c r="N2805" s="45">
        <v>3.4</v>
      </c>
      <c r="O2805" s="45">
        <v>3.4</v>
      </c>
      <c r="P2805" s="46">
        <v>0.9</v>
      </c>
    </row>
    <row r="2806" spans="1:25" x14ac:dyDescent="0.2">
      <c r="B2806" s="72"/>
      <c r="C2806" s="38" t="s">
        <v>47</v>
      </c>
      <c r="D2806" s="44">
        <v>461</v>
      </c>
      <c r="E2806" s="45">
        <v>8</v>
      </c>
      <c r="F2806" s="45">
        <v>13.7</v>
      </c>
      <c r="G2806" s="45">
        <v>25.8</v>
      </c>
      <c r="H2806" s="45">
        <v>14.5</v>
      </c>
      <c r="I2806" s="45">
        <v>16.899999999999999</v>
      </c>
      <c r="J2806" s="45">
        <v>0.4</v>
      </c>
      <c r="K2806" s="45">
        <v>9.1</v>
      </c>
      <c r="L2806" s="45">
        <v>1.3</v>
      </c>
      <c r="M2806" s="45">
        <v>2.2000000000000002</v>
      </c>
      <c r="N2806" s="45">
        <v>3.7</v>
      </c>
      <c r="O2806" s="45">
        <v>2.2000000000000002</v>
      </c>
      <c r="P2806" s="46">
        <v>2.2000000000000002</v>
      </c>
    </row>
    <row r="2807" spans="1:25" ht="21.6" x14ac:dyDescent="0.2">
      <c r="B2807" s="72"/>
      <c r="C2807" s="39" t="s">
        <v>48</v>
      </c>
      <c r="D2807" s="47">
        <v>2307</v>
      </c>
      <c r="E2807" s="48">
        <v>6.5</v>
      </c>
      <c r="F2807" s="48">
        <v>14.7</v>
      </c>
      <c r="G2807" s="48">
        <v>25.1</v>
      </c>
      <c r="H2807" s="48">
        <v>15.6</v>
      </c>
      <c r="I2807" s="48">
        <v>13.1</v>
      </c>
      <c r="J2807" s="48">
        <v>0.7</v>
      </c>
      <c r="K2807" s="48">
        <v>11.4</v>
      </c>
      <c r="L2807" s="48">
        <v>2.2000000000000002</v>
      </c>
      <c r="M2807" s="48">
        <v>1.8</v>
      </c>
      <c r="N2807" s="48">
        <v>3.9</v>
      </c>
      <c r="O2807" s="48">
        <v>2.4</v>
      </c>
      <c r="P2807" s="49">
        <v>2.6</v>
      </c>
    </row>
    <row r="2808" spans="1:25" x14ac:dyDescent="0.2">
      <c r="B2808" s="7" t="s">
        <v>49</v>
      </c>
      <c r="C2808" s="4" t="s">
        <v>318</v>
      </c>
    </row>
    <row r="2809" spans="1:25" x14ac:dyDescent="0.2">
      <c r="B2809" s="4"/>
      <c r="C2809" s="4" t="s">
        <v>51</v>
      </c>
    </row>
    <row r="2811" spans="1:25" x14ac:dyDescent="0.2">
      <c r="A2811" s="26" t="s">
        <v>25</v>
      </c>
      <c r="B2811" t="s">
        <v>35</v>
      </c>
      <c r="C2811" t="s">
        <v>35</v>
      </c>
    </row>
    <row r="2812" spans="1:25" x14ac:dyDescent="0.2">
      <c r="B2812" s="70" t="s">
        <v>319</v>
      </c>
      <c r="C2812" s="71"/>
      <c r="D2812" s="71"/>
      <c r="E2812" s="71"/>
      <c r="F2812" s="71"/>
      <c r="G2812" s="71"/>
      <c r="H2812" s="71"/>
      <c r="I2812" s="71"/>
      <c r="J2812" s="71"/>
      <c r="K2812" s="71"/>
      <c r="L2812" s="71"/>
      <c r="M2812" s="71"/>
      <c r="N2812" s="71"/>
      <c r="O2812" s="71"/>
      <c r="P2812" s="71"/>
      <c r="Q2812" s="71"/>
      <c r="R2812" s="71"/>
      <c r="S2812" s="71"/>
      <c r="T2812" s="71"/>
      <c r="U2812" s="71"/>
      <c r="V2812" s="71"/>
      <c r="W2812" s="71"/>
      <c r="X2812" s="71"/>
      <c r="Y2812" s="71"/>
    </row>
    <row r="2813" spans="1:25" s="32" customFormat="1" ht="47.25" customHeight="1" x14ac:dyDescent="0.15">
      <c r="A2813" s="31"/>
      <c r="D2813" s="33" t="s">
        <v>341</v>
      </c>
      <c r="E2813" s="36" t="s">
        <v>777</v>
      </c>
      <c r="F2813" s="51" t="s">
        <v>768</v>
      </c>
      <c r="G2813" s="51" t="s">
        <v>769</v>
      </c>
      <c r="H2813" s="51" t="s">
        <v>770</v>
      </c>
      <c r="I2813" s="51" t="s">
        <v>771</v>
      </c>
      <c r="J2813" s="51" t="s">
        <v>778</v>
      </c>
      <c r="K2813" s="37" t="s">
        <v>754</v>
      </c>
      <c r="L2813" s="35" t="s">
        <v>344</v>
      </c>
    </row>
    <row r="2814" spans="1:25" x14ac:dyDescent="0.2">
      <c r="B2814" s="5"/>
      <c r="C2814" s="40" t="s">
        <v>38</v>
      </c>
      <c r="D2814" s="41">
        <v>4307</v>
      </c>
      <c r="E2814" s="42">
        <v>7.3</v>
      </c>
      <c r="F2814" s="42">
        <v>15.5</v>
      </c>
      <c r="G2814" s="42">
        <v>26.5</v>
      </c>
      <c r="H2814" s="42">
        <v>15.4</v>
      </c>
      <c r="I2814" s="42">
        <v>13</v>
      </c>
      <c r="J2814" s="42">
        <v>17.7</v>
      </c>
      <c r="K2814" s="43">
        <v>4.5999999999999996</v>
      </c>
    </row>
    <row r="2815" spans="1:25" x14ac:dyDescent="0.2">
      <c r="B2815" s="72" t="s">
        <v>37</v>
      </c>
      <c r="C2815" s="38" t="s">
        <v>39</v>
      </c>
      <c r="D2815" s="44">
        <v>1325</v>
      </c>
      <c r="E2815" s="45">
        <v>8.5</v>
      </c>
      <c r="F2815" s="45">
        <v>17.100000000000001</v>
      </c>
      <c r="G2815" s="45">
        <v>29.6</v>
      </c>
      <c r="H2815" s="45">
        <v>15.1</v>
      </c>
      <c r="I2815" s="45">
        <v>12.3</v>
      </c>
      <c r="J2815" s="45">
        <v>13.9</v>
      </c>
      <c r="K2815" s="46">
        <v>3.5</v>
      </c>
    </row>
    <row r="2816" spans="1:25" x14ac:dyDescent="0.2">
      <c r="B2816" s="72"/>
      <c r="C2816" s="38" t="s">
        <v>40</v>
      </c>
      <c r="D2816" s="44">
        <v>675</v>
      </c>
      <c r="E2816" s="45">
        <v>7.6</v>
      </c>
      <c r="F2816" s="45">
        <v>15.4</v>
      </c>
      <c r="G2816" s="45">
        <v>25.6</v>
      </c>
      <c r="H2816" s="45">
        <v>15.4</v>
      </c>
      <c r="I2816" s="45">
        <v>13.9</v>
      </c>
      <c r="J2816" s="45">
        <v>17.2</v>
      </c>
      <c r="K2816" s="46">
        <v>4.9000000000000004</v>
      </c>
    </row>
    <row r="2817" spans="1:25" x14ac:dyDescent="0.2">
      <c r="B2817" s="72"/>
      <c r="C2817" s="38" t="s">
        <v>41</v>
      </c>
      <c r="D2817" s="44">
        <v>168</v>
      </c>
      <c r="E2817" s="45">
        <v>7.7</v>
      </c>
      <c r="F2817" s="45">
        <v>14.3</v>
      </c>
      <c r="G2817" s="45">
        <v>27.4</v>
      </c>
      <c r="H2817" s="45">
        <v>18.5</v>
      </c>
      <c r="I2817" s="45">
        <v>10.7</v>
      </c>
      <c r="J2817" s="45">
        <v>14.9</v>
      </c>
      <c r="K2817" s="46">
        <v>6.5</v>
      </c>
    </row>
    <row r="2818" spans="1:25" x14ac:dyDescent="0.2">
      <c r="B2818" s="72"/>
      <c r="C2818" s="38" t="s">
        <v>42</v>
      </c>
      <c r="D2818" s="44">
        <v>290</v>
      </c>
      <c r="E2818" s="45">
        <v>5.2</v>
      </c>
      <c r="F2818" s="45">
        <v>12.1</v>
      </c>
      <c r="G2818" s="45">
        <v>27.6</v>
      </c>
      <c r="H2818" s="45">
        <v>18.3</v>
      </c>
      <c r="I2818" s="45">
        <v>11.7</v>
      </c>
      <c r="J2818" s="45">
        <v>20</v>
      </c>
      <c r="K2818" s="46">
        <v>5.2</v>
      </c>
    </row>
    <row r="2819" spans="1:25" x14ac:dyDescent="0.2">
      <c r="B2819" s="72"/>
      <c r="C2819" s="38" t="s">
        <v>43</v>
      </c>
      <c r="D2819" s="44">
        <v>231</v>
      </c>
      <c r="E2819" s="45">
        <v>7.4</v>
      </c>
      <c r="F2819" s="45">
        <v>17.7</v>
      </c>
      <c r="G2819" s="45">
        <v>17.7</v>
      </c>
      <c r="H2819" s="45">
        <v>13.9</v>
      </c>
      <c r="I2819" s="45">
        <v>12.1</v>
      </c>
      <c r="J2819" s="45">
        <v>24.2</v>
      </c>
      <c r="K2819" s="46">
        <v>6.9</v>
      </c>
    </row>
    <row r="2820" spans="1:25" x14ac:dyDescent="0.2">
      <c r="B2820" s="72"/>
      <c r="C2820" s="38" t="s">
        <v>44</v>
      </c>
      <c r="D2820" s="44">
        <v>800</v>
      </c>
      <c r="E2820" s="45">
        <v>6.1</v>
      </c>
      <c r="F2820" s="45">
        <v>14.3</v>
      </c>
      <c r="G2820" s="45">
        <v>23.8</v>
      </c>
      <c r="H2820" s="45">
        <v>15.5</v>
      </c>
      <c r="I2820" s="45">
        <v>12.6</v>
      </c>
      <c r="J2820" s="45">
        <v>23.4</v>
      </c>
      <c r="K2820" s="46">
        <v>4.4000000000000004</v>
      </c>
    </row>
    <row r="2821" spans="1:25" x14ac:dyDescent="0.2">
      <c r="B2821" s="72"/>
      <c r="C2821" s="38" t="s">
        <v>45</v>
      </c>
      <c r="D2821" s="44">
        <v>240</v>
      </c>
      <c r="E2821" s="45">
        <v>4.2</v>
      </c>
      <c r="F2821" s="45">
        <v>19.2</v>
      </c>
      <c r="G2821" s="45">
        <v>27.5</v>
      </c>
      <c r="H2821" s="45">
        <v>17.5</v>
      </c>
      <c r="I2821" s="45">
        <v>11.7</v>
      </c>
      <c r="J2821" s="45">
        <v>13.8</v>
      </c>
      <c r="K2821" s="46">
        <v>6.3</v>
      </c>
    </row>
    <row r="2822" spans="1:25" x14ac:dyDescent="0.2">
      <c r="B2822" s="72"/>
      <c r="C2822" s="38" t="s">
        <v>46</v>
      </c>
      <c r="D2822" s="44">
        <v>117</v>
      </c>
      <c r="E2822" s="45">
        <v>6.8</v>
      </c>
      <c r="F2822" s="45">
        <v>12.8</v>
      </c>
      <c r="G2822" s="45">
        <v>30.8</v>
      </c>
      <c r="H2822" s="45">
        <v>9.4</v>
      </c>
      <c r="I2822" s="45">
        <v>12.8</v>
      </c>
      <c r="J2822" s="45">
        <v>23.1</v>
      </c>
      <c r="K2822" s="46">
        <v>4.3</v>
      </c>
    </row>
    <row r="2823" spans="1:25" x14ac:dyDescent="0.2">
      <c r="B2823" s="72"/>
      <c r="C2823" s="38" t="s">
        <v>47</v>
      </c>
      <c r="D2823" s="44">
        <v>461</v>
      </c>
      <c r="E2823" s="45">
        <v>8</v>
      </c>
      <c r="F2823" s="45">
        <v>13.7</v>
      </c>
      <c r="G2823" s="45">
        <v>25.8</v>
      </c>
      <c r="H2823" s="45">
        <v>14.5</v>
      </c>
      <c r="I2823" s="45">
        <v>16.899999999999999</v>
      </c>
      <c r="J2823" s="45">
        <v>16.7</v>
      </c>
      <c r="K2823" s="46">
        <v>4.3</v>
      </c>
    </row>
    <row r="2824" spans="1:25" ht="21.6" x14ac:dyDescent="0.2">
      <c r="B2824" s="72"/>
      <c r="C2824" s="39" t="s">
        <v>48</v>
      </c>
      <c r="D2824" s="47">
        <v>2307</v>
      </c>
      <c r="E2824" s="48">
        <v>6.5</v>
      </c>
      <c r="F2824" s="48">
        <v>14.7</v>
      </c>
      <c r="G2824" s="48">
        <v>25.1</v>
      </c>
      <c r="H2824" s="48">
        <v>15.6</v>
      </c>
      <c r="I2824" s="48">
        <v>13.1</v>
      </c>
      <c r="J2824" s="48">
        <v>20.100000000000001</v>
      </c>
      <c r="K2824" s="49">
        <v>5.0999999999999996</v>
      </c>
    </row>
    <row r="2826" spans="1:25" x14ac:dyDescent="0.2">
      <c r="A2826" s="26" t="s">
        <v>25</v>
      </c>
      <c r="B2826" t="s">
        <v>35</v>
      </c>
      <c r="C2826" t="s">
        <v>35</v>
      </c>
    </row>
    <row r="2827" spans="1:25" x14ac:dyDescent="0.2">
      <c r="B2827" s="70" t="s">
        <v>320</v>
      </c>
      <c r="C2827" s="71"/>
      <c r="D2827" s="71"/>
      <c r="E2827" s="71"/>
      <c r="F2827" s="71"/>
      <c r="G2827" s="71"/>
      <c r="H2827" s="71"/>
      <c r="I2827" s="71"/>
      <c r="J2827" s="71"/>
      <c r="K2827" s="71"/>
      <c r="L2827" s="71"/>
      <c r="M2827" s="71"/>
      <c r="N2827" s="71"/>
      <c r="O2827" s="71"/>
      <c r="P2827" s="71"/>
      <c r="Q2827" s="71"/>
      <c r="R2827" s="71"/>
      <c r="S2827" s="71"/>
      <c r="T2827" s="71"/>
      <c r="U2827" s="71"/>
      <c r="V2827" s="71"/>
      <c r="W2827" s="71"/>
      <c r="X2827" s="71"/>
      <c r="Y2827" s="71"/>
    </row>
    <row r="2828" spans="1:25" s="32" customFormat="1" ht="36.450000000000003" customHeight="1" x14ac:dyDescent="0.15">
      <c r="A2828" s="31"/>
      <c r="D2828" s="33" t="s">
        <v>341</v>
      </c>
      <c r="E2828" s="36" t="s">
        <v>779</v>
      </c>
      <c r="F2828" s="51" t="s">
        <v>780</v>
      </c>
      <c r="G2828" s="51" t="s">
        <v>781</v>
      </c>
      <c r="H2828" s="51" t="s">
        <v>782</v>
      </c>
      <c r="I2828" s="51" t="s">
        <v>783</v>
      </c>
      <c r="J2828" s="51" t="s">
        <v>784</v>
      </c>
      <c r="K2828" s="51" t="s">
        <v>785</v>
      </c>
      <c r="L2828" s="52" t="s">
        <v>350</v>
      </c>
      <c r="M2828" s="53" t="s">
        <v>351</v>
      </c>
      <c r="N2828" s="50" t="s">
        <v>344</v>
      </c>
    </row>
    <row r="2829" spans="1:25" x14ac:dyDescent="0.2">
      <c r="B2829" s="5"/>
      <c r="C2829" s="40" t="s">
        <v>38</v>
      </c>
      <c r="D2829" s="41">
        <v>4307</v>
      </c>
      <c r="E2829" s="42">
        <v>5.4</v>
      </c>
      <c r="F2829" s="42">
        <v>18.100000000000001</v>
      </c>
      <c r="G2829" s="42">
        <v>13.9</v>
      </c>
      <c r="H2829" s="42">
        <v>22.8</v>
      </c>
      <c r="I2829" s="42">
        <v>13.8</v>
      </c>
      <c r="J2829" s="42">
        <v>8.8000000000000007</v>
      </c>
      <c r="K2829" s="42">
        <v>17.2</v>
      </c>
      <c r="L2829" s="42">
        <v>10</v>
      </c>
      <c r="M2829" s="54">
        <v>7</v>
      </c>
    </row>
    <row r="2830" spans="1:25" x14ac:dyDescent="0.2">
      <c r="B2830" s="72" t="s">
        <v>37</v>
      </c>
      <c r="C2830" s="38" t="s">
        <v>39</v>
      </c>
      <c r="D2830" s="44">
        <v>1325</v>
      </c>
      <c r="E2830" s="45">
        <v>5.4</v>
      </c>
      <c r="F2830" s="45">
        <v>19.2</v>
      </c>
      <c r="G2830" s="45">
        <v>14.6</v>
      </c>
      <c r="H2830" s="45">
        <v>23.2</v>
      </c>
      <c r="I2830" s="45">
        <v>12.2</v>
      </c>
      <c r="J2830" s="45">
        <v>9</v>
      </c>
      <c r="K2830" s="45">
        <v>16.3</v>
      </c>
      <c r="L2830" s="45">
        <v>9.6</v>
      </c>
      <c r="M2830" s="55">
        <v>6</v>
      </c>
    </row>
    <row r="2831" spans="1:25" x14ac:dyDescent="0.2">
      <c r="B2831" s="72"/>
      <c r="C2831" s="38" t="s">
        <v>40</v>
      </c>
      <c r="D2831" s="44">
        <v>675</v>
      </c>
      <c r="E2831" s="45">
        <v>6.1</v>
      </c>
      <c r="F2831" s="45">
        <v>18.8</v>
      </c>
      <c r="G2831" s="45">
        <v>13.3</v>
      </c>
      <c r="H2831" s="45">
        <v>23.4</v>
      </c>
      <c r="I2831" s="45">
        <v>14.1</v>
      </c>
      <c r="J2831" s="45">
        <v>8.3000000000000007</v>
      </c>
      <c r="K2831" s="45">
        <v>16</v>
      </c>
      <c r="L2831" s="45">
        <v>9.6</v>
      </c>
      <c r="M2831" s="55">
        <v>6</v>
      </c>
    </row>
    <row r="2832" spans="1:25" x14ac:dyDescent="0.2">
      <c r="B2832" s="72"/>
      <c r="C2832" s="38" t="s">
        <v>41</v>
      </c>
      <c r="D2832" s="44">
        <v>168</v>
      </c>
      <c r="E2832" s="45">
        <v>4.8</v>
      </c>
      <c r="F2832" s="45">
        <v>17.3</v>
      </c>
      <c r="G2832" s="45">
        <v>13.1</v>
      </c>
      <c r="H2832" s="45">
        <v>25.6</v>
      </c>
      <c r="I2832" s="45">
        <v>15.5</v>
      </c>
      <c r="J2832" s="45">
        <v>7.7</v>
      </c>
      <c r="K2832" s="45">
        <v>16.100000000000001</v>
      </c>
      <c r="L2832" s="45">
        <v>9.8000000000000007</v>
      </c>
      <c r="M2832" s="55">
        <v>7</v>
      </c>
    </row>
    <row r="2833" spans="1:25" x14ac:dyDescent="0.2">
      <c r="B2833" s="72"/>
      <c r="C2833" s="38" t="s">
        <v>42</v>
      </c>
      <c r="D2833" s="44">
        <v>290</v>
      </c>
      <c r="E2833" s="45">
        <v>5.2</v>
      </c>
      <c r="F2833" s="45">
        <v>18.600000000000001</v>
      </c>
      <c r="G2833" s="45">
        <v>16.2</v>
      </c>
      <c r="H2833" s="45">
        <v>21.4</v>
      </c>
      <c r="I2833" s="45">
        <v>12.8</v>
      </c>
      <c r="J2833" s="45">
        <v>8.6</v>
      </c>
      <c r="K2833" s="45">
        <v>17.2</v>
      </c>
      <c r="L2833" s="45">
        <v>10</v>
      </c>
      <c r="M2833" s="55">
        <v>6</v>
      </c>
    </row>
    <row r="2834" spans="1:25" x14ac:dyDescent="0.2">
      <c r="B2834" s="72"/>
      <c r="C2834" s="38" t="s">
        <v>43</v>
      </c>
      <c r="D2834" s="44">
        <v>231</v>
      </c>
      <c r="E2834" s="45">
        <v>6.5</v>
      </c>
      <c r="F2834" s="45">
        <v>16.899999999999999</v>
      </c>
      <c r="G2834" s="45">
        <v>14.7</v>
      </c>
      <c r="H2834" s="45">
        <v>19.899999999999999</v>
      </c>
      <c r="I2834" s="45">
        <v>14.7</v>
      </c>
      <c r="J2834" s="45">
        <v>8.1999999999999993</v>
      </c>
      <c r="K2834" s="45">
        <v>19</v>
      </c>
      <c r="L2834" s="45">
        <v>10.6</v>
      </c>
      <c r="M2834" s="55">
        <v>7</v>
      </c>
    </row>
    <row r="2835" spans="1:25" x14ac:dyDescent="0.2">
      <c r="B2835" s="72"/>
      <c r="C2835" s="38" t="s">
        <v>44</v>
      </c>
      <c r="D2835" s="44">
        <v>800</v>
      </c>
      <c r="E2835" s="45">
        <v>5.3</v>
      </c>
      <c r="F2835" s="45">
        <v>16.899999999999999</v>
      </c>
      <c r="G2835" s="45">
        <v>11.5</v>
      </c>
      <c r="H2835" s="45">
        <v>23.6</v>
      </c>
      <c r="I2835" s="45">
        <v>14</v>
      </c>
      <c r="J2835" s="45">
        <v>10</v>
      </c>
      <c r="K2835" s="45">
        <v>18.8</v>
      </c>
      <c r="L2835" s="45">
        <v>10.7</v>
      </c>
      <c r="M2835" s="55">
        <v>7.5</v>
      </c>
    </row>
    <row r="2836" spans="1:25" x14ac:dyDescent="0.2">
      <c r="B2836" s="72"/>
      <c r="C2836" s="38" t="s">
        <v>45</v>
      </c>
      <c r="D2836" s="44">
        <v>240</v>
      </c>
      <c r="E2836" s="45">
        <v>5</v>
      </c>
      <c r="F2836" s="45">
        <v>16.3</v>
      </c>
      <c r="G2836" s="45">
        <v>15</v>
      </c>
      <c r="H2836" s="45">
        <v>20</v>
      </c>
      <c r="I2836" s="45">
        <v>15.8</v>
      </c>
      <c r="J2836" s="45">
        <v>9.1999999999999993</v>
      </c>
      <c r="K2836" s="45">
        <v>18.8</v>
      </c>
      <c r="L2836" s="45">
        <v>10.6</v>
      </c>
      <c r="M2836" s="55">
        <v>7</v>
      </c>
    </row>
    <row r="2837" spans="1:25" x14ac:dyDescent="0.2">
      <c r="B2837" s="72"/>
      <c r="C2837" s="38" t="s">
        <v>46</v>
      </c>
      <c r="D2837" s="44">
        <v>117</v>
      </c>
      <c r="E2837" s="45">
        <v>2.6</v>
      </c>
      <c r="F2837" s="45">
        <v>14.5</v>
      </c>
      <c r="G2837" s="45">
        <v>17.899999999999999</v>
      </c>
      <c r="H2837" s="45">
        <v>22.2</v>
      </c>
      <c r="I2837" s="45">
        <v>13.7</v>
      </c>
      <c r="J2837" s="45">
        <v>10.3</v>
      </c>
      <c r="K2837" s="45">
        <v>18.8</v>
      </c>
      <c r="L2837" s="45">
        <v>11.1</v>
      </c>
      <c r="M2837" s="55">
        <v>7</v>
      </c>
    </row>
    <row r="2838" spans="1:25" x14ac:dyDescent="0.2">
      <c r="B2838" s="72"/>
      <c r="C2838" s="38" t="s">
        <v>47</v>
      </c>
      <c r="D2838" s="44">
        <v>461</v>
      </c>
      <c r="E2838" s="45">
        <v>5.2</v>
      </c>
      <c r="F2838" s="45">
        <v>18.7</v>
      </c>
      <c r="G2838" s="45">
        <v>13.2</v>
      </c>
      <c r="H2838" s="45">
        <v>22.6</v>
      </c>
      <c r="I2838" s="45">
        <v>15.8</v>
      </c>
      <c r="J2838" s="45">
        <v>7.6</v>
      </c>
      <c r="K2838" s="45">
        <v>16.899999999999999</v>
      </c>
      <c r="L2838" s="45">
        <v>9.9</v>
      </c>
      <c r="M2838" s="55">
        <v>7</v>
      </c>
    </row>
    <row r="2839" spans="1:25" ht="21.6" x14ac:dyDescent="0.2">
      <c r="B2839" s="72"/>
      <c r="C2839" s="39" t="s">
        <v>48</v>
      </c>
      <c r="D2839" s="47">
        <v>2307</v>
      </c>
      <c r="E2839" s="48">
        <v>5.2</v>
      </c>
      <c r="F2839" s="48">
        <v>17.3</v>
      </c>
      <c r="G2839" s="48">
        <v>13.6</v>
      </c>
      <c r="H2839" s="48">
        <v>22.5</v>
      </c>
      <c r="I2839" s="48">
        <v>14.6</v>
      </c>
      <c r="J2839" s="48">
        <v>8.9</v>
      </c>
      <c r="K2839" s="48">
        <v>18</v>
      </c>
      <c r="L2839" s="48">
        <v>10.4</v>
      </c>
      <c r="M2839" s="56">
        <v>7</v>
      </c>
    </row>
    <row r="2841" spans="1:25" x14ac:dyDescent="0.2">
      <c r="A2841" s="26" t="s">
        <v>25</v>
      </c>
      <c r="B2841" t="s">
        <v>35</v>
      </c>
      <c r="C2841" t="s">
        <v>35</v>
      </c>
    </row>
    <row r="2842" spans="1:25" x14ac:dyDescent="0.2">
      <c r="B2842" s="70" t="s">
        <v>321</v>
      </c>
      <c r="C2842" s="71"/>
      <c r="D2842" s="71"/>
      <c r="E2842" s="71"/>
      <c r="F2842" s="71"/>
      <c r="G2842" s="71"/>
      <c r="H2842" s="71"/>
      <c r="I2842" s="71"/>
      <c r="J2842" s="71"/>
      <c r="K2842" s="71"/>
      <c r="L2842" s="71"/>
      <c r="M2842" s="71"/>
      <c r="N2842" s="71"/>
      <c r="O2842" s="71"/>
      <c r="P2842" s="71"/>
      <c r="Q2842" s="71"/>
      <c r="R2842" s="71"/>
      <c r="S2842" s="71"/>
      <c r="T2842" s="71"/>
      <c r="U2842" s="71"/>
      <c r="V2842" s="71"/>
      <c r="W2842" s="71"/>
      <c r="X2842" s="71"/>
      <c r="Y2842" s="71"/>
    </row>
    <row r="2843" spans="1:25" s="32" customFormat="1" ht="58.05" customHeight="1" x14ac:dyDescent="0.15">
      <c r="A2843" s="31"/>
      <c r="D2843" s="33" t="s">
        <v>341</v>
      </c>
      <c r="E2843" s="36" t="s">
        <v>786</v>
      </c>
      <c r="F2843" s="51" t="s">
        <v>787</v>
      </c>
      <c r="G2843" s="51" t="s">
        <v>788</v>
      </c>
      <c r="H2843" s="51" t="s">
        <v>789</v>
      </c>
      <c r="I2843" s="51" t="s">
        <v>790</v>
      </c>
      <c r="J2843" s="51" t="s">
        <v>791</v>
      </c>
      <c r="K2843" s="51" t="s">
        <v>792</v>
      </c>
      <c r="L2843" s="37" t="s">
        <v>793</v>
      </c>
      <c r="M2843" s="35" t="s">
        <v>344</v>
      </c>
    </row>
    <row r="2844" spans="1:25" x14ac:dyDescent="0.2">
      <c r="B2844" s="5"/>
      <c r="C2844" s="40" t="s">
        <v>38</v>
      </c>
      <c r="D2844" s="41">
        <v>4307</v>
      </c>
      <c r="E2844" s="42">
        <v>12.8</v>
      </c>
      <c r="F2844" s="42">
        <v>12.1</v>
      </c>
      <c r="G2844" s="42">
        <v>7.7</v>
      </c>
      <c r="H2844" s="42">
        <v>17.3</v>
      </c>
      <c r="I2844" s="42">
        <v>25.5</v>
      </c>
      <c r="J2844" s="42">
        <v>12</v>
      </c>
      <c r="K2844" s="42">
        <v>7.2</v>
      </c>
      <c r="L2844" s="43">
        <v>5.5</v>
      </c>
    </row>
    <row r="2845" spans="1:25" x14ac:dyDescent="0.2">
      <c r="B2845" s="72" t="s">
        <v>37</v>
      </c>
      <c r="C2845" s="38" t="s">
        <v>39</v>
      </c>
      <c r="D2845" s="44">
        <v>1325</v>
      </c>
      <c r="E2845" s="45">
        <v>13.7</v>
      </c>
      <c r="F2845" s="45">
        <v>8.8000000000000007</v>
      </c>
      <c r="G2845" s="45">
        <v>8.1</v>
      </c>
      <c r="H2845" s="45">
        <v>18.600000000000001</v>
      </c>
      <c r="I2845" s="45">
        <v>23.8</v>
      </c>
      <c r="J2845" s="45">
        <v>13.7</v>
      </c>
      <c r="K2845" s="45">
        <v>7.7</v>
      </c>
      <c r="L2845" s="46">
        <v>5.6</v>
      </c>
    </row>
    <row r="2846" spans="1:25" x14ac:dyDescent="0.2">
      <c r="B2846" s="72"/>
      <c r="C2846" s="38" t="s">
        <v>40</v>
      </c>
      <c r="D2846" s="44">
        <v>675</v>
      </c>
      <c r="E2846" s="45">
        <v>15.4</v>
      </c>
      <c r="F2846" s="45">
        <v>13.6</v>
      </c>
      <c r="G2846" s="45">
        <v>7.1</v>
      </c>
      <c r="H2846" s="45">
        <v>15.7</v>
      </c>
      <c r="I2846" s="45">
        <v>23.1</v>
      </c>
      <c r="J2846" s="45">
        <v>13.9</v>
      </c>
      <c r="K2846" s="45">
        <v>5.8</v>
      </c>
      <c r="L2846" s="46">
        <v>5.3</v>
      </c>
    </row>
    <row r="2847" spans="1:25" x14ac:dyDescent="0.2">
      <c r="B2847" s="72"/>
      <c r="C2847" s="38" t="s">
        <v>41</v>
      </c>
      <c r="D2847" s="44">
        <v>168</v>
      </c>
      <c r="E2847" s="45">
        <v>11.3</v>
      </c>
      <c r="F2847" s="45">
        <v>14.3</v>
      </c>
      <c r="G2847" s="45">
        <v>8.3000000000000007</v>
      </c>
      <c r="H2847" s="45">
        <v>19</v>
      </c>
      <c r="I2847" s="45">
        <v>23.8</v>
      </c>
      <c r="J2847" s="45">
        <v>10.7</v>
      </c>
      <c r="K2847" s="45">
        <v>5.4</v>
      </c>
      <c r="L2847" s="46">
        <v>7.1</v>
      </c>
    </row>
    <row r="2848" spans="1:25" x14ac:dyDescent="0.2">
      <c r="B2848" s="72"/>
      <c r="C2848" s="38" t="s">
        <v>42</v>
      </c>
      <c r="D2848" s="44">
        <v>290</v>
      </c>
      <c r="E2848" s="45">
        <v>9.6999999999999993</v>
      </c>
      <c r="F2848" s="45">
        <v>12.1</v>
      </c>
      <c r="G2848" s="45">
        <v>7.6</v>
      </c>
      <c r="H2848" s="45">
        <v>18.600000000000001</v>
      </c>
      <c r="I2848" s="45">
        <v>29.3</v>
      </c>
      <c r="J2848" s="45">
        <v>9.6999999999999993</v>
      </c>
      <c r="K2848" s="45">
        <v>8.3000000000000007</v>
      </c>
      <c r="L2848" s="46">
        <v>4.8</v>
      </c>
    </row>
    <row r="2849" spans="1:25" x14ac:dyDescent="0.2">
      <c r="B2849" s="72"/>
      <c r="C2849" s="38" t="s">
        <v>43</v>
      </c>
      <c r="D2849" s="44">
        <v>231</v>
      </c>
      <c r="E2849" s="45">
        <v>8.1999999999999993</v>
      </c>
      <c r="F2849" s="45">
        <v>16.899999999999999</v>
      </c>
      <c r="G2849" s="45">
        <v>7.8</v>
      </c>
      <c r="H2849" s="45">
        <v>17.3</v>
      </c>
      <c r="I2849" s="45">
        <v>24.2</v>
      </c>
      <c r="J2849" s="45">
        <v>12.1</v>
      </c>
      <c r="K2849" s="45">
        <v>10.8</v>
      </c>
      <c r="L2849" s="46">
        <v>2.6</v>
      </c>
    </row>
    <row r="2850" spans="1:25" x14ac:dyDescent="0.2">
      <c r="B2850" s="72"/>
      <c r="C2850" s="38" t="s">
        <v>44</v>
      </c>
      <c r="D2850" s="44">
        <v>800</v>
      </c>
      <c r="E2850" s="45">
        <v>12</v>
      </c>
      <c r="F2850" s="45">
        <v>12</v>
      </c>
      <c r="G2850" s="45">
        <v>7.1</v>
      </c>
      <c r="H2850" s="45">
        <v>16.600000000000001</v>
      </c>
      <c r="I2850" s="45">
        <v>30.5</v>
      </c>
      <c r="J2850" s="45">
        <v>9.4</v>
      </c>
      <c r="K2850" s="45">
        <v>6.3</v>
      </c>
      <c r="L2850" s="46">
        <v>6.1</v>
      </c>
    </row>
    <row r="2851" spans="1:25" x14ac:dyDescent="0.2">
      <c r="B2851" s="72"/>
      <c r="C2851" s="38" t="s">
        <v>45</v>
      </c>
      <c r="D2851" s="44">
        <v>240</v>
      </c>
      <c r="E2851" s="45">
        <v>13.3</v>
      </c>
      <c r="F2851" s="45">
        <v>13.8</v>
      </c>
      <c r="G2851" s="45">
        <v>8.3000000000000007</v>
      </c>
      <c r="H2851" s="45">
        <v>15.8</v>
      </c>
      <c r="I2851" s="45">
        <v>22.5</v>
      </c>
      <c r="J2851" s="45">
        <v>12.1</v>
      </c>
      <c r="K2851" s="45">
        <v>7.1</v>
      </c>
      <c r="L2851" s="46">
        <v>7.1</v>
      </c>
    </row>
    <row r="2852" spans="1:25" x14ac:dyDescent="0.2">
      <c r="B2852" s="72"/>
      <c r="C2852" s="38" t="s">
        <v>46</v>
      </c>
      <c r="D2852" s="44">
        <v>117</v>
      </c>
      <c r="E2852" s="45">
        <v>10.3</v>
      </c>
      <c r="F2852" s="45">
        <v>6</v>
      </c>
      <c r="G2852" s="45">
        <v>9.4</v>
      </c>
      <c r="H2852" s="45">
        <v>21.4</v>
      </c>
      <c r="I2852" s="45">
        <v>32.5</v>
      </c>
      <c r="J2852" s="45">
        <v>8.5</v>
      </c>
      <c r="K2852" s="45">
        <v>7.7</v>
      </c>
      <c r="L2852" s="46">
        <v>4.3</v>
      </c>
    </row>
    <row r="2853" spans="1:25" x14ac:dyDescent="0.2">
      <c r="B2853" s="72"/>
      <c r="C2853" s="38" t="s">
        <v>47</v>
      </c>
      <c r="D2853" s="44">
        <v>461</v>
      </c>
      <c r="E2853" s="45">
        <v>13.2</v>
      </c>
      <c r="F2853" s="45">
        <v>16.5</v>
      </c>
      <c r="G2853" s="45">
        <v>7.2</v>
      </c>
      <c r="H2853" s="45">
        <v>15</v>
      </c>
      <c r="I2853" s="45">
        <v>24.1</v>
      </c>
      <c r="J2853" s="45">
        <v>11.7</v>
      </c>
      <c r="K2853" s="45">
        <v>7.4</v>
      </c>
      <c r="L2853" s="46">
        <v>5</v>
      </c>
    </row>
    <row r="2854" spans="1:25" ht="21.6" x14ac:dyDescent="0.2">
      <c r="B2854" s="72"/>
      <c r="C2854" s="39" t="s">
        <v>48</v>
      </c>
      <c r="D2854" s="47">
        <v>2307</v>
      </c>
      <c r="E2854" s="48">
        <v>11.6</v>
      </c>
      <c r="F2854" s="48">
        <v>13.4</v>
      </c>
      <c r="G2854" s="48">
        <v>7.6</v>
      </c>
      <c r="H2854" s="48">
        <v>16.899999999999999</v>
      </c>
      <c r="I2854" s="48">
        <v>27.2</v>
      </c>
      <c r="J2854" s="48">
        <v>10.5</v>
      </c>
      <c r="K2854" s="48">
        <v>7.3</v>
      </c>
      <c r="L2854" s="49">
        <v>5.5</v>
      </c>
    </row>
    <row r="2855" spans="1:25" x14ac:dyDescent="0.2">
      <c r="B2855" s="7" t="s">
        <v>49</v>
      </c>
      <c r="C2855" s="4" t="s">
        <v>322</v>
      </c>
    </row>
    <row r="2856" spans="1:25" x14ac:dyDescent="0.2">
      <c r="B2856" s="4"/>
      <c r="C2856" s="4" t="s">
        <v>51</v>
      </c>
    </row>
    <row r="2858" spans="1:25" x14ac:dyDescent="0.2">
      <c r="A2858" s="26" t="s">
        <v>25</v>
      </c>
      <c r="B2858" t="s">
        <v>35</v>
      </c>
      <c r="C2858" t="s">
        <v>35</v>
      </c>
    </row>
    <row r="2859" spans="1:25" x14ac:dyDescent="0.2">
      <c r="B2859" s="70" t="s">
        <v>323</v>
      </c>
      <c r="C2859" s="71"/>
      <c r="D2859" s="71"/>
      <c r="E2859" s="71"/>
      <c r="F2859" s="71"/>
      <c r="G2859" s="71"/>
      <c r="H2859" s="71"/>
      <c r="I2859" s="71"/>
      <c r="J2859" s="71"/>
      <c r="K2859" s="71"/>
      <c r="L2859" s="71"/>
      <c r="M2859" s="71"/>
      <c r="N2859" s="71"/>
      <c r="O2859" s="71"/>
      <c r="P2859" s="71"/>
      <c r="Q2859" s="71"/>
      <c r="R2859" s="71"/>
      <c r="S2859" s="71"/>
      <c r="T2859" s="71"/>
      <c r="U2859" s="71"/>
      <c r="V2859" s="71"/>
      <c r="W2859" s="71"/>
      <c r="X2859" s="71"/>
      <c r="Y2859" s="71"/>
    </row>
    <row r="2860" spans="1:25" s="32" customFormat="1" ht="58.05" customHeight="1" x14ac:dyDescent="0.15">
      <c r="A2860" s="31"/>
      <c r="D2860" s="33" t="s">
        <v>341</v>
      </c>
      <c r="E2860" s="36" t="s">
        <v>794</v>
      </c>
      <c r="F2860" s="51" t="s">
        <v>795</v>
      </c>
      <c r="G2860" s="51" t="s">
        <v>796</v>
      </c>
      <c r="H2860" s="51" t="s">
        <v>792</v>
      </c>
      <c r="I2860" s="37" t="s">
        <v>793</v>
      </c>
      <c r="J2860" s="35" t="s">
        <v>344</v>
      </c>
    </row>
    <row r="2861" spans="1:25" x14ac:dyDescent="0.2">
      <c r="B2861" s="5"/>
      <c r="C2861" s="40" t="s">
        <v>38</v>
      </c>
      <c r="D2861" s="41">
        <v>4307</v>
      </c>
      <c r="E2861" s="42">
        <v>24.9</v>
      </c>
      <c r="F2861" s="42">
        <v>24.9</v>
      </c>
      <c r="G2861" s="42">
        <v>37.5</v>
      </c>
      <c r="H2861" s="42">
        <v>7.2</v>
      </c>
      <c r="I2861" s="43">
        <v>5.5</v>
      </c>
    </row>
    <row r="2862" spans="1:25" x14ac:dyDescent="0.2">
      <c r="B2862" s="72" t="s">
        <v>37</v>
      </c>
      <c r="C2862" s="38" t="s">
        <v>39</v>
      </c>
      <c r="D2862" s="44">
        <v>1325</v>
      </c>
      <c r="E2862" s="45">
        <v>22.6</v>
      </c>
      <c r="F2862" s="45">
        <v>26.6</v>
      </c>
      <c r="G2862" s="45">
        <v>37.5</v>
      </c>
      <c r="H2862" s="45">
        <v>7.7</v>
      </c>
      <c r="I2862" s="46">
        <v>5.6</v>
      </c>
    </row>
    <row r="2863" spans="1:25" x14ac:dyDescent="0.2">
      <c r="B2863" s="72"/>
      <c r="C2863" s="38" t="s">
        <v>40</v>
      </c>
      <c r="D2863" s="44">
        <v>675</v>
      </c>
      <c r="E2863" s="45">
        <v>29</v>
      </c>
      <c r="F2863" s="45">
        <v>22.8</v>
      </c>
      <c r="G2863" s="45">
        <v>37</v>
      </c>
      <c r="H2863" s="45">
        <v>5.8</v>
      </c>
      <c r="I2863" s="46">
        <v>5.3</v>
      </c>
    </row>
    <row r="2864" spans="1:25" x14ac:dyDescent="0.2">
      <c r="B2864" s="72"/>
      <c r="C2864" s="38" t="s">
        <v>41</v>
      </c>
      <c r="D2864" s="44">
        <v>168</v>
      </c>
      <c r="E2864" s="45">
        <v>25.6</v>
      </c>
      <c r="F2864" s="45">
        <v>27.4</v>
      </c>
      <c r="G2864" s="45">
        <v>34.5</v>
      </c>
      <c r="H2864" s="45">
        <v>5.4</v>
      </c>
      <c r="I2864" s="46">
        <v>7.1</v>
      </c>
    </row>
    <row r="2865" spans="1:25" x14ac:dyDescent="0.2">
      <c r="B2865" s="72"/>
      <c r="C2865" s="38" t="s">
        <v>42</v>
      </c>
      <c r="D2865" s="44">
        <v>290</v>
      </c>
      <c r="E2865" s="45">
        <v>21.7</v>
      </c>
      <c r="F2865" s="45">
        <v>26.2</v>
      </c>
      <c r="G2865" s="45">
        <v>39</v>
      </c>
      <c r="H2865" s="45">
        <v>8.3000000000000007</v>
      </c>
      <c r="I2865" s="46">
        <v>4.8</v>
      </c>
    </row>
    <row r="2866" spans="1:25" x14ac:dyDescent="0.2">
      <c r="B2866" s="72"/>
      <c r="C2866" s="38" t="s">
        <v>43</v>
      </c>
      <c r="D2866" s="44">
        <v>231</v>
      </c>
      <c r="E2866" s="45">
        <v>25.1</v>
      </c>
      <c r="F2866" s="45">
        <v>25.1</v>
      </c>
      <c r="G2866" s="45">
        <v>36.4</v>
      </c>
      <c r="H2866" s="45">
        <v>10.8</v>
      </c>
      <c r="I2866" s="46">
        <v>2.6</v>
      </c>
    </row>
    <row r="2867" spans="1:25" x14ac:dyDescent="0.2">
      <c r="B2867" s="72"/>
      <c r="C2867" s="38" t="s">
        <v>44</v>
      </c>
      <c r="D2867" s="44">
        <v>800</v>
      </c>
      <c r="E2867" s="45">
        <v>24</v>
      </c>
      <c r="F2867" s="45">
        <v>23.8</v>
      </c>
      <c r="G2867" s="45">
        <v>39.9</v>
      </c>
      <c r="H2867" s="45">
        <v>6.3</v>
      </c>
      <c r="I2867" s="46">
        <v>6.1</v>
      </c>
    </row>
    <row r="2868" spans="1:25" x14ac:dyDescent="0.2">
      <c r="B2868" s="72"/>
      <c r="C2868" s="38" t="s">
        <v>45</v>
      </c>
      <c r="D2868" s="44">
        <v>240</v>
      </c>
      <c r="E2868" s="45">
        <v>27.1</v>
      </c>
      <c r="F2868" s="45">
        <v>24.2</v>
      </c>
      <c r="G2868" s="45">
        <v>34.6</v>
      </c>
      <c r="H2868" s="45">
        <v>7.1</v>
      </c>
      <c r="I2868" s="46">
        <v>7.1</v>
      </c>
    </row>
    <row r="2869" spans="1:25" x14ac:dyDescent="0.2">
      <c r="B2869" s="72"/>
      <c r="C2869" s="38" t="s">
        <v>46</v>
      </c>
      <c r="D2869" s="44">
        <v>117</v>
      </c>
      <c r="E2869" s="45">
        <v>16.2</v>
      </c>
      <c r="F2869" s="45">
        <v>30.8</v>
      </c>
      <c r="G2869" s="45">
        <v>41</v>
      </c>
      <c r="H2869" s="45">
        <v>7.7</v>
      </c>
      <c r="I2869" s="46">
        <v>4.3</v>
      </c>
    </row>
    <row r="2870" spans="1:25" x14ac:dyDescent="0.2">
      <c r="B2870" s="72"/>
      <c r="C2870" s="38" t="s">
        <v>47</v>
      </c>
      <c r="D2870" s="44">
        <v>461</v>
      </c>
      <c r="E2870" s="45">
        <v>29.7</v>
      </c>
      <c r="F2870" s="45">
        <v>22.1</v>
      </c>
      <c r="G2870" s="45">
        <v>35.799999999999997</v>
      </c>
      <c r="H2870" s="45">
        <v>7.4</v>
      </c>
      <c r="I2870" s="46">
        <v>5</v>
      </c>
    </row>
    <row r="2871" spans="1:25" ht="21.6" x14ac:dyDescent="0.2">
      <c r="B2871" s="72"/>
      <c r="C2871" s="39" t="s">
        <v>48</v>
      </c>
      <c r="D2871" s="47">
        <v>2307</v>
      </c>
      <c r="E2871" s="48">
        <v>25</v>
      </c>
      <c r="F2871" s="48">
        <v>24.5</v>
      </c>
      <c r="G2871" s="48">
        <v>37.700000000000003</v>
      </c>
      <c r="H2871" s="48">
        <v>7.3</v>
      </c>
      <c r="I2871" s="49">
        <v>5.5</v>
      </c>
    </row>
    <row r="2873" spans="1:25" x14ac:dyDescent="0.2">
      <c r="A2873" s="26" t="s">
        <v>25</v>
      </c>
      <c r="B2873" t="s">
        <v>35</v>
      </c>
      <c r="C2873" t="s">
        <v>35</v>
      </c>
    </row>
    <row r="2874" spans="1:25" x14ac:dyDescent="0.2">
      <c r="B2874" s="70" t="s">
        <v>324</v>
      </c>
      <c r="C2874" s="71"/>
      <c r="D2874" s="71"/>
      <c r="E2874" s="71"/>
      <c r="F2874" s="71"/>
      <c r="G2874" s="71"/>
      <c r="H2874" s="71"/>
      <c r="I2874" s="71"/>
      <c r="J2874" s="71"/>
      <c r="K2874" s="71"/>
      <c r="L2874" s="71"/>
      <c r="M2874" s="71"/>
      <c r="N2874" s="71"/>
      <c r="O2874" s="71"/>
      <c r="P2874" s="71"/>
      <c r="Q2874" s="71"/>
      <c r="R2874" s="71"/>
      <c r="S2874" s="71"/>
      <c r="T2874" s="71"/>
      <c r="U2874" s="71"/>
      <c r="V2874" s="71"/>
      <c r="W2874" s="71"/>
      <c r="X2874" s="71"/>
      <c r="Y2874" s="71"/>
    </row>
    <row r="2875" spans="1:25" s="32" customFormat="1" ht="36.450000000000003" customHeight="1" x14ac:dyDescent="0.15">
      <c r="A2875" s="31"/>
      <c r="D2875" s="33" t="s">
        <v>341</v>
      </c>
      <c r="E2875" s="36" t="s">
        <v>797</v>
      </c>
      <c r="F2875" s="37" t="s">
        <v>798</v>
      </c>
      <c r="G2875" s="35" t="s">
        <v>344</v>
      </c>
    </row>
    <row r="2876" spans="1:25" x14ac:dyDescent="0.2">
      <c r="B2876" s="5"/>
      <c r="C2876" s="40" t="s">
        <v>38</v>
      </c>
      <c r="D2876" s="41">
        <v>4307</v>
      </c>
      <c r="E2876" s="42">
        <v>49.8</v>
      </c>
      <c r="F2876" s="43">
        <v>50.2</v>
      </c>
    </row>
    <row r="2877" spans="1:25" x14ac:dyDescent="0.2">
      <c r="B2877" s="72" t="s">
        <v>37</v>
      </c>
      <c r="C2877" s="38" t="s">
        <v>39</v>
      </c>
      <c r="D2877" s="44">
        <v>1325</v>
      </c>
      <c r="E2877" s="45">
        <v>49.2</v>
      </c>
      <c r="F2877" s="46">
        <v>50.8</v>
      </c>
    </row>
    <row r="2878" spans="1:25" x14ac:dyDescent="0.2">
      <c r="B2878" s="72"/>
      <c r="C2878" s="38" t="s">
        <v>40</v>
      </c>
      <c r="D2878" s="44">
        <v>675</v>
      </c>
      <c r="E2878" s="45">
        <v>51.9</v>
      </c>
      <c r="F2878" s="46">
        <v>48.1</v>
      </c>
    </row>
    <row r="2879" spans="1:25" x14ac:dyDescent="0.2">
      <c r="B2879" s="72"/>
      <c r="C2879" s="38" t="s">
        <v>41</v>
      </c>
      <c r="D2879" s="44">
        <v>168</v>
      </c>
      <c r="E2879" s="45">
        <v>53</v>
      </c>
      <c r="F2879" s="46">
        <v>47</v>
      </c>
    </row>
    <row r="2880" spans="1:25" x14ac:dyDescent="0.2">
      <c r="B2880" s="72"/>
      <c r="C2880" s="38" t="s">
        <v>42</v>
      </c>
      <c r="D2880" s="44">
        <v>290</v>
      </c>
      <c r="E2880" s="45">
        <v>47.9</v>
      </c>
      <c r="F2880" s="46">
        <v>52.1</v>
      </c>
    </row>
    <row r="2881" spans="1:25" x14ac:dyDescent="0.2">
      <c r="B2881" s="72"/>
      <c r="C2881" s="38" t="s">
        <v>43</v>
      </c>
      <c r="D2881" s="44">
        <v>231</v>
      </c>
      <c r="E2881" s="45">
        <v>50.2</v>
      </c>
      <c r="F2881" s="46">
        <v>49.8</v>
      </c>
    </row>
    <row r="2882" spans="1:25" x14ac:dyDescent="0.2">
      <c r="B2882" s="72"/>
      <c r="C2882" s="38" t="s">
        <v>44</v>
      </c>
      <c r="D2882" s="44">
        <v>800</v>
      </c>
      <c r="E2882" s="45">
        <v>47.8</v>
      </c>
      <c r="F2882" s="46">
        <v>52.3</v>
      </c>
    </row>
    <row r="2883" spans="1:25" x14ac:dyDescent="0.2">
      <c r="B2883" s="72"/>
      <c r="C2883" s="38" t="s">
        <v>45</v>
      </c>
      <c r="D2883" s="44">
        <v>240</v>
      </c>
      <c r="E2883" s="45">
        <v>51.3</v>
      </c>
      <c r="F2883" s="46">
        <v>48.8</v>
      </c>
    </row>
    <row r="2884" spans="1:25" x14ac:dyDescent="0.2">
      <c r="B2884" s="72"/>
      <c r="C2884" s="38" t="s">
        <v>46</v>
      </c>
      <c r="D2884" s="44">
        <v>117</v>
      </c>
      <c r="E2884" s="45">
        <v>47</v>
      </c>
      <c r="F2884" s="46">
        <v>53</v>
      </c>
    </row>
    <row r="2885" spans="1:25" x14ac:dyDescent="0.2">
      <c r="B2885" s="72"/>
      <c r="C2885" s="38" t="s">
        <v>47</v>
      </c>
      <c r="D2885" s="44">
        <v>461</v>
      </c>
      <c r="E2885" s="45">
        <v>51.8</v>
      </c>
      <c r="F2885" s="46">
        <v>48.2</v>
      </c>
    </row>
    <row r="2886" spans="1:25" ht="21.6" x14ac:dyDescent="0.2">
      <c r="B2886" s="72"/>
      <c r="C2886" s="39" t="s">
        <v>48</v>
      </c>
      <c r="D2886" s="47">
        <v>2307</v>
      </c>
      <c r="E2886" s="48">
        <v>49.5</v>
      </c>
      <c r="F2886" s="49">
        <v>50.5</v>
      </c>
    </row>
    <row r="2888" spans="1:25" x14ac:dyDescent="0.2">
      <c r="A2888" s="26" t="s">
        <v>25</v>
      </c>
      <c r="B2888" t="s">
        <v>35</v>
      </c>
      <c r="C2888" t="s">
        <v>35</v>
      </c>
    </row>
    <row r="2889" spans="1:25" x14ac:dyDescent="0.2">
      <c r="B2889" s="70" t="s">
        <v>325</v>
      </c>
      <c r="C2889" s="71"/>
      <c r="D2889" s="71"/>
      <c r="E2889" s="71"/>
      <c r="F2889" s="71"/>
      <c r="G2889" s="71"/>
      <c r="H2889" s="71"/>
      <c r="I2889" s="71"/>
      <c r="J2889" s="71"/>
      <c r="K2889" s="71"/>
      <c r="L2889" s="71"/>
      <c r="M2889" s="71"/>
      <c r="N2889" s="71"/>
      <c r="O2889" s="71"/>
      <c r="P2889" s="71"/>
      <c r="Q2889" s="71"/>
      <c r="R2889" s="71"/>
      <c r="S2889" s="71"/>
      <c r="T2889" s="71"/>
      <c r="U2889" s="71"/>
      <c r="V2889" s="71"/>
      <c r="W2889" s="71"/>
      <c r="X2889" s="71"/>
      <c r="Y2889" s="71"/>
    </row>
    <row r="2890" spans="1:25" s="32" customFormat="1" ht="36.450000000000003" customHeight="1" x14ac:dyDescent="0.15">
      <c r="A2890" s="31"/>
      <c r="D2890" s="33" t="s">
        <v>341</v>
      </c>
      <c r="E2890" s="36" t="s">
        <v>799</v>
      </c>
      <c r="F2890" s="37" t="s">
        <v>800</v>
      </c>
      <c r="G2890" s="35" t="s">
        <v>344</v>
      </c>
    </row>
    <row r="2891" spans="1:25" x14ac:dyDescent="0.2">
      <c r="B2891" s="5"/>
      <c r="C2891" s="40" t="s">
        <v>38</v>
      </c>
      <c r="D2891" s="41">
        <v>4307</v>
      </c>
      <c r="E2891" s="42">
        <v>32.6</v>
      </c>
      <c r="F2891" s="43">
        <v>67.400000000000006</v>
      </c>
    </row>
    <row r="2892" spans="1:25" x14ac:dyDescent="0.2">
      <c r="B2892" s="72" t="s">
        <v>37</v>
      </c>
      <c r="C2892" s="38" t="s">
        <v>39</v>
      </c>
      <c r="D2892" s="44">
        <v>1325</v>
      </c>
      <c r="E2892" s="45">
        <v>30.6</v>
      </c>
      <c r="F2892" s="46">
        <v>69.400000000000006</v>
      </c>
    </row>
    <row r="2893" spans="1:25" x14ac:dyDescent="0.2">
      <c r="B2893" s="72"/>
      <c r="C2893" s="38" t="s">
        <v>40</v>
      </c>
      <c r="D2893" s="44">
        <v>675</v>
      </c>
      <c r="E2893" s="45">
        <v>36.1</v>
      </c>
      <c r="F2893" s="46">
        <v>63.9</v>
      </c>
    </row>
    <row r="2894" spans="1:25" x14ac:dyDescent="0.2">
      <c r="B2894" s="72"/>
      <c r="C2894" s="38" t="s">
        <v>41</v>
      </c>
      <c r="D2894" s="44">
        <v>168</v>
      </c>
      <c r="E2894" s="45">
        <v>33.9</v>
      </c>
      <c r="F2894" s="46">
        <v>66.099999999999994</v>
      </c>
    </row>
    <row r="2895" spans="1:25" x14ac:dyDescent="0.2">
      <c r="B2895" s="72"/>
      <c r="C2895" s="38" t="s">
        <v>42</v>
      </c>
      <c r="D2895" s="44">
        <v>290</v>
      </c>
      <c r="E2895" s="45">
        <v>29.3</v>
      </c>
      <c r="F2895" s="46">
        <v>70.7</v>
      </c>
    </row>
    <row r="2896" spans="1:25" x14ac:dyDescent="0.2">
      <c r="B2896" s="72"/>
      <c r="C2896" s="38" t="s">
        <v>43</v>
      </c>
      <c r="D2896" s="44">
        <v>231</v>
      </c>
      <c r="E2896" s="45">
        <v>32.9</v>
      </c>
      <c r="F2896" s="46">
        <v>67.099999999999994</v>
      </c>
    </row>
    <row r="2897" spans="1:25" x14ac:dyDescent="0.2">
      <c r="B2897" s="72"/>
      <c r="C2897" s="38" t="s">
        <v>44</v>
      </c>
      <c r="D2897" s="44">
        <v>800</v>
      </c>
      <c r="E2897" s="45">
        <v>31.1</v>
      </c>
      <c r="F2897" s="46">
        <v>68.900000000000006</v>
      </c>
    </row>
    <row r="2898" spans="1:25" x14ac:dyDescent="0.2">
      <c r="B2898" s="72"/>
      <c r="C2898" s="38" t="s">
        <v>45</v>
      </c>
      <c r="D2898" s="44">
        <v>240</v>
      </c>
      <c r="E2898" s="45">
        <v>35.4</v>
      </c>
      <c r="F2898" s="46">
        <v>64.599999999999994</v>
      </c>
    </row>
    <row r="2899" spans="1:25" x14ac:dyDescent="0.2">
      <c r="B2899" s="72"/>
      <c r="C2899" s="38" t="s">
        <v>46</v>
      </c>
      <c r="D2899" s="44">
        <v>117</v>
      </c>
      <c r="E2899" s="45">
        <v>25.6</v>
      </c>
      <c r="F2899" s="46">
        <v>74.400000000000006</v>
      </c>
    </row>
    <row r="2900" spans="1:25" x14ac:dyDescent="0.2">
      <c r="B2900" s="72"/>
      <c r="C2900" s="38" t="s">
        <v>47</v>
      </c>
      <c r="D2900" s="44">
        <v>461</v>
      </c>
      <c r="E2900" s="45">
        <v>36.9</v>
      </c>
      <c r="F2900" s="46">
        <v>63.1</v>
      </c>
    </row>
    <row r="2901" spans="1:25" ht="21.6" x14ac:dyDescent="0.2">
      <c r="B2901" s="72"/>
      <c r="C2901" s="39" t="s">
        <v>48</v>
      </c>
      <c r="D2901" s="47">
        <v>2307</v>
      </c>
      <c r="E2901" s="48">
        <v>32.6</v>
      </c>
      <c r="F2901" s="49">
        <v>67.400000000000006</v>
      </c>
    </row>
    <row r="2903" spans="1:25" x14ac:dyDescent="0.2">
      <c r="A2903" s="26" t="s">
        <v>25</v>
      </c>
      <c r="B2903" t="s">
        <v>35</v>
      </c>
      <c r="C2903" t="s">
        <v>35</v>
      </c>
    </row>
    <row r="2904" spans="1:25" x14ac:dyDescent="0.2">
      <c r="B2904" s="70" t="s">
        <v>326</v>
      </c>
      <c r="C2904" s="71"/>
      <c r="D2904" s="71"/>
      <c r="E2904" s="71"/>
      <c r="F2904" s="71"/>
      <c r="G2904" s="71"/>
      <c r="H2904" s="71"/>
      <c r="I2904" s="71"/>
      <c r="J2904" s="71"/>
      <c r="K2904" s="71"/>
      <c r="L2904" s="71"/>
      <c r="M2904" s="71"/>
      <c r="N2904" s="71"/>
      <c r="O2904" s="71"/>
      <c r="P2904" s="71"/>
      <c r="Q2904" s="71"/>
      <c r="R2904" s="71"/>
      <c r="S2904" s="71"/>
      <c r="T2904" s="71"/>
      <c r="U2904" s="71"/>
      <c r="V2904" s="71"/>
      <c r="W2904" s="71"/>
      <c r="X2904" s="71"/>
      <c r="Y2904" s="71"/>
    </row>
    <row r="2905" spans="1:25" s="32" customFormat="1" ht="58.05" customHeight="1" x14ac:dyDescent="0.15">
      <c r="A2905" s="31"/>
      <c r="D2905" s="33" t="s">
        <v>341</v>
      </c>
      <c r="E2905" s="36" t="s">
        <v>617</v>
      </c>
      <c r="F2905" s="51" t="s">
        <v>801</v>
      </c>
      <c r="G2905" s="51" t="s">
        <v>802</v>
      </c>
      <c r="H2905" s="51" t="s">
        <v>803</v>
      </c>
      <c r="I2905" s="51" t="s">
        <v>804</v>
      </c>
      <c r="J2905" s="51" t="s">
        <v>805</v>
      </c>
      <c r="K2905" s="51" t="s">
        <v>806</v>
      </c>
      <c r="L2905" s="51" t="s">
        <v>807</v>
      </c>
      <c r="M2905" s="51" t="s">
        <v>808</v>
      </c>
      <c r="N2905" s="51" t="s">
        <v>809</v>
      </c>
      <c r="O2905" s="51" t="s">
        <v>810</v>
      </c>
      <c r="P2905" s="51" t="s">
        <v>811</v>
      </c>
      <c r="Q2905" s="51" t="s">
        <v>812</v>
      </c>
      <c r="R2905" s="51" t="s">
        <v>813</v>
      </c>
      <c r="S2905" s="51" t="s">
        <v>814</v>
      </c>
      <c r="T2905" s="37" t="s">
        <v>443</v>
      </c>
      <c r="U2905" s="35" t="s">
        <v>344</v>
      </c>
    </row>
    <row r="2906" spans="1:25" x14ac:dyDescent="0.2">
      <c r="B2906" s="5"/>
      <c r="C2906" s="40" t="s">
        <v>38</v>
      </c>
      <c r="D2906" s="41">
        <v>4307</v>
      </c>
      <c r="E2906" s="42">
        <v>3</v>
      </c>
      <c r="F2906" s="42">
        <v>11.3</v>
      </c>
      <c r="G2906" s="42">
        <v>14.4</v>
      </c>
      <c r="H2906" s="42">
        <v>17.600000000000001</v>
      </c>
      <c r="I2906" s="42">
        <v>16</v>
      </c>
      <c r="J2906" s="42">
        <v>12.8</v>
      </c>
      <c r="K2906" s="42">
        <v>8.5</v>
      </c>
      <c r="L2906" s="42">
        <v>5.5</v>
      </c>
      <c r="M2906" s="42">
        <v>3.9</v>
      </c>
      <c r="N2906" s="42">
        <v>2.2999999999999998</v>
      </c>
      <c r="O2906" s="42">
        <v>1.6</v>
      </c>
      <c r="P2906" s="42">
        <v>1.6</v>
      </c>
      <c r="Q2906" s="42">
        <v>0.8</v>
      </c>
      <c r="R2906" s="42">
        <v>0.3</v>
      </c>
      <c r="S2906" s="42">
        <v>0.4</v>
      </c>
      <c r="T2906" s="43">
        <v>0</v>
      </c>
    </row>
    <row r="2907" spans="1:25" x14ac:dyDescent="0.2">
      <c r="B2907" s="72" t="s">
        <v>37</v>
      </c>
      <c r="C2907" s="38" t="s">
        <v>39</v>
      </c>
      <c r="D2907" s="44">
        <v>1325</v>
      </c>
      <c r="E2907" s="45">
        <v>2.5</v>
      </c>
      <c r="F2907" s="45">
        <v>10.1</v>
      </c>
      <c r="G2907" s="45">
        <v>10.9</v>
      </c>
      <c r="H2907" s="45">
        <v>16</v>
      </c>
      <c r="I2907" s="45">
        <v>15.1</v>
      </c>
      <c r="J2907" s="45">
        <v>13.1</v>
      </c>
      <c r="K2907" s="45">
        <v>10</v>
      </c>
      <c r="L2907" s="45">
        <v>7.1</v>
      </c>
      <c r="M2907" s="45">
        <v>5</v>
      </c>
      <c r="N2907" s="45">
        <v>3.2</v>
      </c>
      <c r="O2907" s="45">
        <v>2.4</v>
      </c>
      <c r="P2907" s="45">
        <v>2.6</v>
      </c>
      <c r="Q2907" s="45">
        <v>0.8</v>
      </c>
      <c r="R2907" s="45">
        <v>0.7</v>
      </c>
      <c r="S2907" s="45">
        <v>0.6</v>
      </c>
      <c r="T2907" s="46">
        <v>0</v>
      </c>
    </row>
    <row r="2908" spans="1:25" x14ac:dyDescent="0.2">
      <c r="B2908" s="72"/>
      <c r="C2908" s="38" t="s">
        <v>40</v>
      </c>
      <c r="D2908" s="44">
        <v>675</v>
      </c>
      <c r="E2908" s="45">
        <v>3.9</v>
      </c>
      <c r="F2908" s="45">
        <v>13.2</v>
      </c>
      <c r="G2908" s="45">
        <v>13.9</v>
      </c>
      <c r="H2908" s="45">
        <v>14.5</v>
      </c>
      <c r="I2908" s="45">
        <v>14.4</v>
      </c>
      <c r="J2908" s="45">
        <v>15.1</v>
      </c>
      <c r="K2908" s="45">
        <v>8.6999999999999993</v>
      </c>
      <c r="L2908" s="45">
        <v>6.7</v>
      </c>
      <c r="M2908" s="45">
        <v>2.4</v>
      </c>
      <c r="N2908" s="45">
        <v>2.7</v>
      </c>
      <c r="O2908" s="45">
        <v>1.8</v>
      </c>
      <c r="P2908" s="45">
        <v>1.9</v>
      </c>
      <c r="Q2908" s="45">
        <v>0.7</v>
      </c>
      <c r="R2908" s="45">
        <v>0</v>
      </c>
      <c r="S2908" s="45">
        <v>0.1</v>
      </c>
      <c r="T2908" s="46">
        <v>0</v>
      </c>
    </row>
    <row r="2909" spans="1:25" x14ac:dyDescent="0.2">
      <c r="B2909" s="72"/>
      <c r="C2909" s="38" t="s">
        <v>41</v>
      </c>
      <c r="D2909" s="44">
        <v>168</v>
      </c>
      <c r="E2909" s="45">
        <v>1.2</v>
      </c>
      <c r="F2909" s="45">
        <v>8.9</v>
      </c>
      <c r="G2909" s="45">
        <v>21.4</v>
      </c>
      <c r="H2909" s="45">
        <v>26.2</v>
      </c>
      <c r="I2909" s="45">
        <v>16.7</v>
      </c>
      <c r="J2909" s="45">
        <v>11.3</v>
      </c>
      <c r="K2909" s="45">
        <v>6.5</v>
      </c>
      <c r="L2909" s="45">
        <v>2.4</v>
      </c>
      <c r="M2909" s="45">
        <v>1.8</v>
      </c>
      <c r="N2909" s="45">
        <v>0</v>
      </c>
      <c r="O2909" s="45">
        <v>2.4</v>
      </c>
      <c r="P2909" s="45">
        <v>1.2</v>
      </c>
      <c r="Q2909" s="45">
        <v>0</v>
      </c>
      <c r="R2909" s="45">
        <v>0</v>
      </c>
      <c r="S2909" s="45">
        <v>0</v>
      </c>
      <c r="T2909" s="46">
        <v>0</v>
      </c>
    </row>
    <row r="2910" spans="1:25" x14ac:dyDescent="0.2">
      <c r="B2910" s="72"/>
      <c r="C2910" s="38" t="s">
        <v>42</v>
      </c>
      <c r="D2910" s="44">
        <v>290</v>
      </c>
      <c r="E2910" s="45">
        <v>3.4</v>
      </c>
      <c r="F2910" s="45">
        <v>11.4</v>
      </c>
      <c r="G2910" s="45">
        <v>16.899999999999999</v>
      </c>
      <c r="H2910" s="45">
        <v>22.8</v>
      </c>
      <c r="I2910" s="45">
        <v>20.3</v>
      </c>
      <c r="J2910" s="45">
        <v>9.3000000000000007</v>
      </c>
      <c r="K2910" s="45">
        <v>6.6</v>
      </c>
      <c r="L2910" s="45">
        <v>3.8</v>
      </c>
      <c r="M2910" s="45">
        <v>3.1</v>
      </c>
      <c r="N2910" s="45">
        <v>1</v>
      </c>
      <c r="O2910" s="45">
        <v>0.7</v>
      </c>
      <c r="P2910" s="45">
        <v>0</v>
      </c>
      <c r="Q2910" s="45">
        <v>0</v>
      </c>
      <c r="R2910" s="45">
        <v>0.3</v>
      </c>
      <c r="S2910" s="45">
        <v>0.3</v>
      </c>
      <c r="T2910" s="46">
        <v>0</v>
      </c>
    </row>
    <row r="2911" spans="1:25" x14ac:dyDescent="0.2">
      <c r="B2911" s="72"/>
      <c r="C2911" s="38" t="s">
        <v>43</v>
      </c>
      <c r="D2911" s="44">
        <v>231</v>
      </c>
      <c r="E2911" s="45">
        <v>1.7</v>
      </c>
      <c r="F2911" s="45">
        <v>10.4</v>
      </c>
      <c r="G2911" s="45">
        <v>16.5</v>
      </c>
      <c r="H2911" s="45">
        <v>17.7</v>
      </c>
      <c r="I2911" s="45">
        <v>15.2</v>
      </c>
      <c r="J2911" s="45">
        <v>12.6</v>
      </c>
      <c r="K2911" s="45">
        <v>11.3</v>
      </c>
      <c r="L2911" s="45">
        <v>4.3</v>
      </c>
      <c r="M2911" s="45">
        <v>3.9</v>
      </c>
      <c r="N2911" s="45">
        <v>3</v>
      </c>
      <c r="O2911" s="45">
        <v>2.2000000000000002</v>
      </c>
      <c r="P2911" s="45">
        <v>0.4</v>
      </c>
      <c r="Q2911" s="45">
        <v>0.4</v>
      </c>
      <c r="R2911" s="45">
        <v>0</v>
      </c>
      <c r="S2911" s="45">
        <v>0.4</v>
      </c>
      <c r="T2911" s="46">
        <v>0</v>
      </c>
    </row>
    <row r="2912" spans="1:25" x14ac:dyDescent="0.2">
      <c r="B2912" s="72"/>
      <c r="C2912" s="38" t="s">
        <v>44</v>
      </c>
      <c r="D2912" s="44">
        <v>800</v>
      </c>
      <c r="E2912" s="45">
        <v>3.1</v>
      </c>
      <c r="F2912" s="45">
        <v>10.9</v>
      </c>
      <c r="G2912" s="45">
        <v>14.1</v>
      </c>
      <c r="H2912" s="45">
        <v>20.399999999999999</v>
      </c>
      <c r="I2912" s="45">
        <v>15.4</v>
      </c>
      <c r="J2912" s="45">
        <v>11.9</v>
      </c>
      <c r="K2912" s="45">
        <v>9.8000000000000007</v>
      </c>
      <c r="L2912" s="45">
        <v>5.3</v>
      </c>
      <c r="M2912" s="45">
        <v>4.0999999999999996</v>
      </c>
      <c r="N2912" s="45">
        <v>2</v>
      </c>
      <c r="O2912" s="45">
        <v>1</v>
      </c>
      <c r="P2912" s="45">
        <v>1.3</v>
      </c>
      <c r="Q2912" s="45">
        <v>0.4</v>
      </c>
      <c r="R2912" s="45">
        <v>0.1</v>
      </c>
      <c r="S2912" s="45">
        <v>0.4</v>
      </c>
      <c r="T2912" s="46">
        <v>0</v>
      </c>
    </row>
    <row r="2913" spans="1:25" x14ac:dyDescent="0.2">
      <c r="B2913" s="72"/>
      <c r="C2913" s="38" t="s">
        <v>45</v>
      </c>
      <c r="D2913" s="44">
        <v>240</v>
      </c>
      <c r="E2913" s="45">
        <v>1.3</v>
      </c>
      <c r="F2913" s="45">
        <v>13.3</v>
      </c>
      <c r="G2913" s="45">
        <v>18.3</v>
      </c>
      <c r="H2913" s="45">
        <v>14.2</v>
      </c>
      <c r="I2913" s="45">
        <v>16.7</v>
      </c>
      <c r="J2913" s="45">
        <v>16.3</v>
      </c>
      <c r="K2913" s="45">
        <v>6.3</v>
      </c>
      <c r="L2913" s="45">
        <v>4.2</v>
      </c>
      <c r="M2913" s="45">
        <v>3.8</v>
      </c>
      <c r="N2913" s="45">
        <v>1.7</v>
      </c>
      <c r="O2913" s="45">
        <v>0.4</v>
      </c>
      <c r="P2913" s="45">
        <v>1.7</v>
      </c>
      <c r="Q2913" s="45">
        <v>0.8</v>
      </c>
      <c r="R2913" s="45">
        <v>0</v>
      </c>
      <c r="S2913" s="45">
        <v>1.3</v>
      </c>
      <c r="T2913" s="46">
        <v>0</v>
      </c>
    </row>
    <row r="2914" spans="1:25" x14ac:dyDescent="0.2">
      <c r="B2914" s="72"/>
      <c r="C2914" s="38" t="s">
        <v>46</v>
      </c>
      <c r="D2914" s="44">
        <v>117</v>
      </c>
      <c r="E2914" s="45">
        <v>4.3</v>
      </c>
      <c r="F2914" s="45">
        <v>9.4</v>
      </c>
      <c r="G2914" s="45">
        <v>22.2</v>
      </c>
      <c r="H2914" s="45">
        <v>17.899999999999999</v>
      </c>
      <c r="I2914" s="45">
        <v>13.7</v>
      </c>
      <c r="J2914" s="45">
        <v>15.4</v>
      </c>
      <c r="K2914" s="45">
        <v>5.0999999999999996</v>
      </c>
      <c r="L2914" s="45">
        <v>1.7</v>
      </c>
      <c r="M2914" s="45">
        <v>6.8</v>
      </c>
      <c r="N2914" s="45">
        <v>0</v>
      </c>
      <c r="O2914" s="45">
        <v>0.9</v>
      </c>
      <c r="P2914" s="45">
        <v>1.7</v>
      </c>
      <c r="Q2914" s="45">
        <v>0.9</v>
      </c>
      <c r="R2914" s="45">
        <v>0</v>
      </c>
      <c r="S2914" s="45">
        <v>0</v>
      </c>
      <c r="T2914" s="46">
        <v>0</v>
      </c>
    </row>
    <row r="2915" spans="1:25" x14ac:dyDescent="0.2">
      <c r="B2915" s="72"/>
      <c r="C2915" s="38" t="s">
        <v>47</v>
      </c>
      <c r="D2915" s="44">
        <v>461</v>
      </c>
      <c r="E2915" s="45">
        <v>4.8</v>
      </c>
      <c r="F2915" s="45">
        <v>13.4</v>
      </c>
      <c r="G2915" s="45">
        <v>16.3</v>
      </c>
      <c r="H2915" s="45">
        <v>17.399999999999999</v>
      </c>
      <c r="I2915" s="45">
        <v>19.3</v>
      </c>
      <c r="J2915" s="45">
        <v>10.6</v>
      </c>
      <c r="K2915" s="45">
        <v>4.0999999999999996</v>
      </c>
      <c r="L2915" s="45">
        <v>4.3</v>
      </c>
      <c r="M2915" s="45">
        <v>3.5</v>
      </c>
      <c r="N2915" s="45">
        <v>1.5</v>
      </c>
      <c r="O2915" s="45">
        <v>1.1000000000000001</v>
      </c>
      <c r="P2915" s="45">
        <v>0.9</v>
      </c>
      <c r="Q2915" s="45">
        <v>2.4</v>
      </c>
      <c r="R2915" s="45">
        <v>0.2</v>
      </c>
      <c r="S2915" s="45">
        <v>0.2</v>
      </c>
      <c r="T2915" s="46">
        <v>0</v>
      </c>
    </row>
    <row r="2916" spans="1:25" ht="21.6" x14ac:dyDescent="0.2">
      <c r="B2916" s="72"/>
      <c r="C2916" s="39" t="s">
        <v>48</v>
      </c>
      <c r="D2916" s="47">
        <v>2307</v>
      </c>
      <c r="E2916" s="48">
        <v>3.1</v>
      </c>
      <c r="F2916" s="48">
        <v>11.4</v>
      </c>
      <c r="G2916" s="48">
        <v>16.5</v>
      </c>
      <c r="H2916" s="48">
        <v>19.5</v>
      </c>
      <c r="I2916" s="48">
        <v>16.899999999999999</v>
      </c>
      <c r="J2916" s="48">
        <v>12</v>
      </c>
      <c r="K2916" s="48">
        <v>7.5</v>
      </c>
      <c r="L2916" s="48">
        <v>4.3</v>
      </c>
      <c r="M2916" s="48">
        <v>3.8</v>
      </c>
      <c r="N2916" s="48">
        <v>1.6</v>
      </c>
      <c r="O2916" s="48">
        <v>1.1000000000000001</v>
      </c>
      <c r="P2916" s="48">
        <v>1</v>
      </c>
      <c r="Q2916" s="48">
        <v>0.8</v>
      </c>
      <c r="R2916" s="48">
        <v>0.1</v>
      </c>
      <c r="S2916" s="48">
        <v>0.4</v>
      </c>
      <c r="T2916" s="49">
        <v>0</v>
      </c>
    </row>
    <row r="2917" spans="1:25" x14ac:dyDescent="0.2">
      <c r="B2917" s="7" t="s">
        <v>49</v>
      </c>
      <c r="C2917" s="4" t="s">
        <v>327</v>
      </c>
    </row>
    <row r="2918" spans="1:25" x14ac:dyDescent="0.2">
      <c r="B2918" s="4"/>
      <c r="C2918" s="4" t="s">
        <v>51</v>
      </c>
    </row>
    <row r="2920" spans="1:25" x14ac:dyDescent="0.2">
      <c r="A2920" s="26" t="s">
        <v>25</v>
      </c>
      <c r="B2920" t="s">
        <v>35</v>
      </c>
      <c r="C2920" t="s">
        <v>35</v>
      </c>
    </row>
    <row r="2921" spans="1:25" x14ac:dyDescent="0.2">
      <c r="B2921" s="70" t="s">
        <v>328</v>
      </c>
      <c r="C2921" s="71"/>
      <c r="D2921" s="71"/>
      <c r="E2921" s="71"/>
      <c r="F2921" s="71"/>
      <c r="G2921" s="71"/>
      <c r="H2921" s="71"/>
      <c r="I2921" s="71"/>
      <c r="J2921" s="71"/>
      <c r="K2921" s="71"/>
      <c r="L2921" s="71"/>
      <c r="M2921" s="71"/>
      <c r="N2921" s="71"/>
      <c r="O2921" s="71"/>
      <c r="P2921" s="71"/>
      <c r="Q2921" s="71"/>
      <c r="R2921" s="71"/>
      <c r="S2921" s="71"/>
      <c r="T2921" s="71"/>
      <c r="U2921" s="71"/>
      <c r="V2921" s="71"/>
      <c r="W2921" s="71"/>
      <c r="X2921" s="71"/>
      <c r="Y2921" s="71"/>
    </row>
    <row r="2922" spans="1:25" s="32" customFormat="1" ht="58.05" customHeight="1" x14ac:dyDescent="0.15">
      <c r="A2922" s="31"/>
      <c r="D2922" s="33" t="s">
        <v>341</v>
      </c>
      <c r="E2922" s="36" t="s">
        <v>617</v>
      </c>
      <c r="F2922" s="51" t="s">
        <v>801</v>
      </c>
      <c r="G2922" s="51" t="s">
        <v>802</v>
      </c>
      <c r="H2922" s="51" t="s">
        <v>803</v>
      </c>
      <c r="I2922" s="51" t="s">
        <v>804</v>
      </c>
      <c r="J2922" s="51" t="s">
        <v>805</v>
      </c>
      <c r="K2922" s="51" t="s">
        <v>806</v>
      </c>
      <c r="L2922" s="51" t="s">
        <v>807</v>
      </c>
      <c r="M2922" s="51" t="s">
        <v>808</v>
      </c>
      <c r="N2922" s="51" t="s">
        <v>809</v>
      </c>
      <c r="O2922" s="51" t="s">
        <v>810</v>
      </c>
      <c r="P2922" s="51" t="s">
        <v>811</v>
      </c>
      <c r="Q2922" s="51" t="s">
        <v>812</v>
      </c>
      <c r="R2922" s="51" t="s">
        <v>813</v>
      </c>
      <c r="S2922" s="51" t="s">
        <v>814</v>
      </c>
      <c r="T2922" s="37" t="s">
        <v>443</v>
      </c>
      <c r="U2922" s="35" t="s">
        <v>344</v>
      </c>
    </row>
    <row r="2923" spans="1:25" x14ac:dyDescent="0.2">
      <c r="B2923" s="5"/>
      <c r="C2923" s="40" t="s">
        <v>38</v>
      </c>
      <c r="D2923" s="41">
        <v>4307</v>
      </c>
      <c r="E2923" s="42">
        <v>0</v>
      </c>
      <c r="F2923" s="42">
        <v>2.2999999999999998</v>
      </c>
      <c r="G2923" s="42">
        <v>4.9000000000000004</v>
      </c>
      <c r="H2923" s="42">
        <v>9.1999999999999993</v>
      </c>
      <c r="I2923" s="42">
        <v>11.2</v>
      </c>
      <c r="J2923" s="42">
        <v>11.1</v>
      </c>
      <c r="K2923" s="42">
        <v>10.7</v>
      </c>
      <c r="L2923" s="42">
        <v>8.6999999999999993</v>
      </c>
      <c r="M2923" s="42">
        <v>7.1</v>
      </c>
      <c r="N2923" s="42">
        <v>5.2</v>
      </c>
      <c r="O2923" s="42">
        <v>4.2</v>
      </c>
      <c r="P2923" s="42">
        <v>4.9000000000000004</v>
      </c>
      <c r="Q2923" s="42">
        <v>2.7</v>
      </c>
      <c r="R2923" s="42">
        <v>1.1000000000000001</v>
      </c>
      <c r="S2923" s="42">
        <v>0.8</v>
      </c>
      <c r="T2923" s="43">
        <v>16</v>
      </c>
    </row>
    <row r="2924" spans="1:25" x14ac:dyDescent="0.2">
      <c r="B2924" s="72" t="s">
        <v>37</v>
      </c>
      <c r="C2924" s="38" t="s">
        <v>39</v>
      </c>
      <c r="D2924" s="44">
        <v>1325</v>
      </c>
      <c r="E2924" s="45">
        <v>0</v>
      </c>
      <c r="F2924" s="45">
        <v>1.7</v>
      </c>
      <c r="G2924" s="45">
        <v>3.1</v>
      </c>
      <c r="H2924" s="45">
        <v>8.1999999999999993</v>
      </c>
      <c r="I2924" s="45">
        <v>10.3</v>
      </c>
      <c r="J2924" s="45">
        <v>11.5</v>
      </c>
      <c r="K2924" s="45">
        <v>10</v>
      </c>
      <c r="L2924" s="45">
        <v>7.7</v>
      </c>
      <c r="M2924" s="45">
        <v>6.6</v>
      </c>
      <c r="N2924" s="45">
        <v>6.7</v>
      </c>
      <c r="O2924" s="45">
        <v>5.5</v>
      </c>
      <c r="P2924" s="45">
        <v>6.6</v>
      </c>
      <c r="Q2924" s="45">
        <v>3.5</v>
      </c>
      <c r="R2924" s="45">
        <v>2.1</v>
      </c>
      <c r="S2924" s="45">
        <v>1.6</v>
      </c>
      <c r="T2924" s="46">
        <v>14.9</v>
      </c>
    </row>
    <row r="2925" spans="1:25" x14ac:dyDescent="0.2">
      <c r="B2925" s="72"/>
      <c r="C2925" s="38" t="s">
        <v>40</v>
      </c>
      <c r="D2925" s="44">
        <v>675</v>
      </c>
      <c r="E2925" s="45">
        <v>0</v>
      </c>
      <c r="F2925" s="45">
        <v>2.7</v>
      </c>
      <c r="G2925" s="45">
        <v>5.2</v>
      </c>
      <c r="H2925" s="45">
        <v>8.3000000000000007</v>
      </c>
      <c r="I2925" s="45">
        <v>8.4</v>
      </c>
      <c r="J2925" s="45">
        <v>12.9</v>
      </c>
      <c r="K2925" s="45">
        <v>10.199999999999999</v>
      </c>
      <c r="L2925" s="45">
        <v>9.6</v>
      </c>
      <c r="M2925" s="45">
        <v>7.4</v>
      </c>
      <c r="N2925" s="45">
        <v>5.2</v>
      </c>
      <c r="O2925" s="45">
        <v>3.9</v>
      </c>
      <c r="P2925" s="45">
        <v>5.3</v>
      </c>
      <c r="Q2925" s="45">
        <v>3</v>
      </c>
      <c r="R2925" s="45">
        <v>0.7</v>
      </c>
      <c r="S2925" s="45">
        <v>0.4</v>
      </c>
      <c r="T2925" s="46">
        <v>16.7</v>
      </c>
    </row>
    <row r="2926" spans="1:25" x14ac:dyDescent="0.2">
      <c r="B2926" s="72"/>
      <c r="C2926" s="38" t="s">
        <v>41</v>
      </c>
      <c r="D2926" s="44">
        <v>168</v>
      </c>
      <c r="E2926" s="45">
        <v>0</v>
      </c>
      <c r="F2926" s="45">
        <v>1.2</v>
      </c>
      <c r="G2926" s="45">
        <v>8.3000000000000007</v>
      </c>
      <c r="H2926" s="45">
        <v>20.8</v>
      </c>
      <c r="I2926" s="45">
        <v>12.5</v>
      </c>
      <c r="J2926" s="45">
        <v>12.5</v>
      </c>
      <c r="K2926" s="45">
        <v>12.5</v>
      </c>
      <c r="L2926" s="45">
        <v>6</v>
      </c>
      <c r="M2926" s="45">
        <v>4.2</v>
      </c>
      <c r="N2926" s="45">
        <v>3</v>
      </c>
      <c r="O2926" s="45">
        <v>4.8</v>
      </c>
      <c r="P2926" s="45">
        <v>2.4</v>
      </c>
      <c r="Q2926" s="45">
        <v>0.6</v>
      </c>
      <c r="R2926" s="45">
        <v>0</v>
      </c>
      <c r="S2926" s="45">
        <v>0</v>
      </c>
      <c r="T2926" s="46">
        <v>11.3</v>
      </c>
    </row>
    <row r="2927" spans="1:25" x14ac:dyDescent="0.2">
      <c r="B2927" s="72"/>
      <c r="C2927" s="38" t="s">
        <v>42</v>
      </c>
      <c r="D2927" s="44">
        <v>290</v>
      </c>
      <c r="E2927" s="45">
        <v>0</v>
      </c>
      <c r="F2927" s="45">
        <v>2.1</v>
      </c>
      <c r="G2927" s="45">
        <v>5.5</v>
      </c>
      <c r="H2927" s="45">
        <v>9</v>
      </c>
      <c r="I2927" s="45">
        <v>15.5</v>
      </c>
      <c r="J2927" s="45">
        <v>11</v>
      </c>
      <c r="K2927" s="45">
        <v>8.6</v>
      </c>
      <c r="L2927" s="45">
        <v>9</v>
      </c>
      <c r="M2927" s="45">
        <v>6.2</v>
      </c>
      <c r="N2927" s="45">
        <v>5.2</v>
      </c>
      <c r="O2927" s="45">
        <v>5.9</v>
      </c>
      <c r="P2927" s="45">
        <v>3.1</v>
      </c>
      <c r="Q2927" s="45">
        <v>1</v>
      </c>
      <c r="R2927" s="45">
        <v>0.3</v>
      </c>
      <c r="S2927" s="45">
        <v>0.3</v>
      </c>
      <c r="T2927" s="46">
        <v>17.2</v>
      </c>
    </row>
    <row r="2928" spans="1:25" x14ac:dyDescent="0.2">
      <c r="B2928" s="72"/>
      <c r="C2928" s="38" t="s">
        <v>43</v>
      </c>
      <c r="D2928" s="44">
        <v>231</v>
      </c>
      <c r="E2928" s="45">
        <v>0</v>
      </c>
      <c r="F2928" s="45">
        <v>3.5</v>
      </c>
      <c r="G2928" s="45">
        <v>5.2</v>
      </c>
      <c r="H2928" s="45">
        <v>9.5</v>
      </c>
      <c r="I2928" s="45">
        <v>9.1</v>
      </c>
      <c r="J2928" s="45">
        <v>10</v>
      </c>
      <c r="K2928" s="45">
        <v>14.7</v>
      </c>
      <c r="L2928" s="45">
        <v>10</v>
      </c>
      <c r="M2928" s="45">
        <v>6.9</v>
      </c>
      <c r="N2928" s="45">
        <v>5.2</v>
      </c>
      <c r="O2928" s="45">
        <v>3.5</v>
      </c>
      <c r="P2928" s="45">
        <v>3.9</v>
      </c>
      <c r="Q2928" s="45">
        <v>2.2000000000000002</v>
      </c>
      <c r="R2928" s="45">
        <v>0.4</v>
      </c>
      <c r="S2928" s="45">
        <v>0</v>
      </c>
      <c r="T2928" s="46">
        <v>16</v>
      </c>
    </row>
    <row r="2929" spans="1:25" x14ac:dyDescent="0.2">
      <c r="B2929" s="72"/>
      <c r="C2929" s="38" t="s">
        <v>44</v>
      </c>
      <c r="D2929" s="44">
        <v>800</v>
      </c>
      <c r="E2929" s="45">
        <v>0</v>
      </c>
      <c r="F2929" s="45">
        <v>2.4</v>
      </c>
      <c r="G2929" s="45">
        <v>5</v>
      </c>
      <c r="H2929" s="45">
        <v>9.8000000000000007</v>
      </c>
      <c r="I2929" s="45">
        <v>11.4</v>
      </c>
      <c r="J2929" s="45">
        <v>8.8000000000000007</v>
      </c>
      <c r="K2929" s="45">
        <v>11.8</v>
      </c>
      <c r="L2929" s="45">
        <v>9.5</v>
      </c>
      <c r="M2929" s="45">
        <v>8.5</v>
      </c>
      <c r="N2929" s="45">
        <v>3.5</v>
      </c>
      <c r="O2929" s="45">
        <v>2.8</v>
      </c>
      <c r="P2929" s="45">
        <v>4.8</v>
      </c>
      <c r="Q2929" s="45">
        <v>1.8</v>
      </c>
      <c r="R2929" s="45">
        <v>0.8</v>
      </c>
      <c r="S2929" s="45">
        <v>0.5</v>
      </c>
      <c r="T2929" s="46">
        <v>19</v>
      </c>
    </row>
    <row r="2930" spans="1:25" x14ac:dyDescent="0.2">
      <c r="B2930" s="72"/>
      <c r="C2930" s="38" t="s">
        <v>45</v>
      </c>
      <c r="D2930" s="44">
        <v>240</v>
      </c>
      <c r="E2930" s="45">
        <v>0</v>
      </c>
      <c r="F2930" s="45">
        <v>1.3</v>
      </c>
      <c r="G2930" s="45">
        <v>5.4</v>
      </c>
      <c r="H2930" s="45">
        <v>7.1</v>
      </c>
      <c r="I2930" s="45">
        <v>15</v>
      </c>
      <c r="J2930" s="45">
        <v>11.7</v>
      </c>
      <c r="K2930" s="45">
        <v>12.1</v>
      </c>
      <c r="L2930" s="45">
        <v>10.4</v>
      </c>
      <c r="M2930" s="45">
        <v>7.1</v>
      </c>
      <c r="N2930" s="45">
        <v>6.7</v>
      </c>
      <c r="O2930" s="45">
        <v>2.5</v>
      </c>
      <c r="P2930" s="45">
        <v>4.5999999999999996</v>
      </c>
      <c r="Q2930" s="45">
        <v>1.3</v>
      </c>
      <c r="R2930" s="45">
        <v>0.8</v>
      </c>
      <c r="S2930" s="45">
        <v>0.4</v>
      </c>
      <c r="T2930" s="46">
        <v>13.8</v>
      </c>
    </row>
    <row r="2931" spans="1:25" x14ac:dyDescent="0.2">
      <c r="B2931" s="72"/>
      <c r="C2931" s="38" t="s">
        <v>46</v>
      </c>
      <c r="D2931" s="44">
        <v>117</v>
      </c>
      <c r="E2931" s="45">
        <v>0</v>
      </c>
      <c r="F2931" s="45">
        <v>3.4</v>
      </c>
      <c r="G2931" s="45">
        <v>6</v>
      </c>
      <c r="H2931" s="45">
        <v>12.8</v>
      </c>
      <c r="I2931" s="45">
        <v>10.3</v>
      </c>
      <c r="J2931" s="45">
        <v>15.4</v>
      </c>
      <c r="K2931" s="45">
        <v>12</v>
      </c>
      <c r="L2931" s="45">
        <v>4.3</v>
      </c>
      <c r="M2931" s="45">
        <v>8.5</v>
      </c>
      <c r="N2931" s="45">
        <v>4.3</v>
      </c>
      <c r="O2931" s="45">
        <v>0</v>
      </c>
      <c r="P2931" s="45">
        <v>2.6</v>
      </c>
      <c r="Q2931" s="45">
        <v>4.3</v>
      </c>
      <c r="R2931" s="45">
        <v>1.7</v>
      </c>
      <c r="S2931" s="45">
        <v>1.7</v>
      </c>
      <c r="T2931" s="46">
        <v>12.8</v>
      </c>
    </row>
    <row r="2932" spans="1:25" x14ac:dyDescent="0.2">
      <c r="B2932" s="72"/>
      <c r="C2932" s="38" t="s">
        <v>47</v>
      </c>
      <c r="D2932" s="44">
        <v>461</v>
      </c>
      <c r="E2932" s="45">
        <v>0</v>
      </c>
      <c r="F2932" s="45">
        <v>4.0999999999999996</v>
      </c>
      <c r="G2932" s="45">
        <v>6.9</v>
      </c>
      <c r="H2932" s="45">
        <v>8.1999999999999993</v>
      </c>
      <c r="I2932" s="45">
        <v>13.7</v>
      </c>
      <c r="J2932" s="45">
        <v>10.4</v>
      </c>
      <c r="K2932" s="45">
        <v>9.1</v>
      </c>
      <c r="L2932" s="45">
        <v>8.9</v>
      </c>
      <c r="M2932" s="45">
        <v>7.2</v>
      </c>
      <c r="N2932" s="45">
        <v>4.5999999999999996</v>
      </c>
      <c r="O2932" s="45">
        <v>4.0999999999999996</v>
      </c>
      <c r="P2932" s="45">
        <v>2.8</v>
      </c>
      <c r="Q2932" s="45">
        <v>3.7</v>
      </c>
      <c r="R2932" s="45">
        <v>0.2</v>
      </c>
      <c r="S2932" s="45">
        <v>0.9</v>
      </c>
      <c r="T2932" s="46">
        <v>15.2</v>
      </c>
    </row>
    <row r="2933" spans="1:25" ht="21.6" x14ac:dyDescent="0.2">
      <c r="B2933" s="72"/>
      <c r="C2933" s="39" t="s">
        <v>48</v>
      </c>
      <c r="D2933" s="47">
        <v>2307</v>
      </c>
      <c r="E2933" s="48">
        <v>0</v>
      </c>
      <c r="F2933" s="48">
        <v>2.6</v>
      </c>
      <c r="G2933" s="48">
        <v>5.8</v>
      </c>
      <c r="H2933" s="48">
        <v>10</v>
      </c>
      <c r="I2933" s="48">
        <v>12.5</v>
      </c>
      <c r="J2933" s="48">
        <v>10.4</v>
      </c>
      <c r="K2933" s="48">
        <v>11.2</v>
      </c>
      <c r="L2933" s="48">
        <v>8.9</v>
      </c>
      <c r="M2933" s="48">
        <v>7.3</v>
      </c>
      <c r="N2933" s="48">
        <v>4.4000000000000004</v>
      </c>
      <c r="O2933" s="48">
        <v>3.5</v>
      </c>
      <c r="P2933" s="48">
        <v>3.8</v>
      </c>
      <c r="Q2933" s="48">
        <v>2.1</v>
      </c>
      <c r="R2933" s="48">
        <v>0.6</v>
      </c>
      <c r="S2933" s="48">
        <v>0.5</v>
      </c>
      <c r="T2933" s="49">
        <v>16.3</v>
      </c>
    </row>
    <row r="2934" spans="1:25" x14ac:dyDescent="0.2">
      <c r="B2934" s="7" t="s">
        <v>49</v>
      </c>
      <c r="C2934" s="4" t="s">
        <v>329</v>
      </c>
    </row>
    <row r="2935" spans="1:25" x14ac:dyDescent="0.2">
      <c r="B2935" s="4"/>
      <c r="C2935" s="4" t="s">
        <v>51</v>
      </c>
    </row>
    <row r="2937" spans="1:25" x14ac:dyDescent="0.2">
      <c r="A2937" s="26" t="s">
        <v>25</v>
      </c>
      <c r="B2937" t="s">
        <v>35</v>
      </c>
      <c r="C2937" t="s">
        <v>35</v>
      </c>
    </row>
    <row r="2938" spans="1:25" x14ac:dyDescent="0.2">
      <c r="B2938" s="70" t="s">
        <v>330</v>
      </c>
      <c r="C2938" s="71"/>
      <c r="D2938" s="71"/>
      <c r="E2938" s="71"/>
      <c r="F2938" s="71"/>
      <c r="G2938" s="71"/>
      <c r="H2938" s="71"/>
      <c r="I2938" s="71"/>
      <c r="J2938" s="71"/>
      <c r="K2938" s="71"/>
      <c r="L2938" s="71"/>
      <c r="M2938" s="71"/>
      <c r="N2938" s="71"/>
      <c r="O2938" s="71"/>
      <c r="P2938" s="71"/>
      <c r="Q2938" s="71"/>
      <c r="R2938" s="71"/>
      <c r="S2938" s="71"/>
      <c r="T2938" s="71"/>
      <c r="U2938" s="71"/>
      <c r="V2938" s="71"/>
      <c r="W2938" s="71"/>
      <c r="X2938" s="71"/>
      <c r="Y2938" s="71"/>
    </row>
    <row r="2939" spans="1:25" s="32" customFormat="1" ht="47.25" customHeight="1" x14ac:dyDescent="0.15">
      <c r="A2939" s="31"/>
      <c r="D2939" s="33" t="s">
        <v>341</v>
      </c>
      <c r="E2939" s="36" t="s">
        <v>801</v>
      </c>
      <c r="F2939" s="51" t="s">
        <v>802</v>
      </c>
      <c r="G2939" s="51" t="s">
        <v>803</v>
      </c>
      <c r="H2939" s="51" t="s">
        <v>804</v>
      </c>
      <c r="I2939" s="51" t="s">
        <v>815</v>
      </c>
      <c r="J2939" s="51" t="s">
        <v>816</v>
      </c>
      <c r="K2939" s="37" t="s">
        <v>817</v>
      </c>
      <c r="L2939" s="35" t="s">
        <v>344</v>
      </c>
    </row>
    <row r="2940" spans="1:25" x14ac:dyDescent="0.2">
      <c r="B2940" s="5"/>
      <c r="C2940" s="40" t="s">
        <v>38</v>
      </c>
      <c r="D2940" s="41">
        <v>4307</v>
      </c>
      <c r="E2940" s="42">
        <v>14.3</v>
      </c>
      <c r="F2940" s="42">
        <v>14.4</v>
      </c>
      <c r="G2940" s="42">
        <v>17.600000000000001</v>
      </c>
      <c r="H2940" s="42">
        <v>16</v>
      </c>
      <c r="I2940" s="42">
        <v>21.3</v>
      </c>
      <c r="J2940" s="42">
        <v>9.4</v>
      </c>
      <c r="K2940" s="43">
        <v>7</v>
      </c>
    </row>
    <row r="2941" spans="1:25" x14ac:dyDescent="0.2">
      <c r="B2941" s="72" t="s">
        <v>37</v>
      </c>
      <c r="C2941" s="38" t="s">
        <v>39</v>
      </c>
      <c r="D2941" s="44">
        <v>1325</v>
      </c>
      <c r="E2941" s="45">
        <v>12.6</v>
      </c>
      <c r="F2941" s="45">
        <v>10.9</v>
      </c>
      <c r="G2941" s="45">
        <v>16</v>
      </c>
      <c r="H2941" s="45">
        <v>15.1</v>
      </c>
      <c r="I2941" s="45">
        <v>23</v>
      </c>
      <c r="J2941" s="45">
        <v>12.1</v>
      </c>
      <c r="K2941" s="46">
        <v>10.3</v>
      </c>
    </row>
    <row r="2942" spans="1:25" x14ac:dyDescent="0.2">
      <c r="B2942" s="72"/>
      <c r="C2942" s="38" t="s">
        <v>40</v>
      </c>
      <c r="D2942" s="44">
        <v>675</v>
      </c>
      <c r="E2942" s="45">
        <v>17</v>
      </c>
      <c r="F2942" s="45">
        <v>13.9</v>
      </c>
      <c r="G2942" s="45">
        <v>14.5</v>
      </c>
      <c r="H2942" s="45">
        <v>14.4</v>
      </c>
      <c r="I2942" s="45">
        <v>23.9</v>
      </c>
      <c r="J2942" s="45">
        <v>9</v>
      </c>
      <c r="K2942" s="46">
        <v>7.3</v>
      </c>
    </row>
    <row r="2943" spans="1:25" x14ac:dyDescent="0.2">
      <c r="B2943" s="72"/>
      <c r="C2943" s="38" t="s">
        <v>41</v>
      </c>
      <c r="D2943" s="44">
        <v>168</v>
      </c>
      <c r="E2943" s="45">
        <v>10.1</v>
      </c>
      <c r="F2943" s="45">
        <v>21.4</v>
      </c>
      <c r="G2943" s="45">
        <v>26.2</v>
      </c>
      <c r="H2943" s="45">
        <v>16.7</v>
      </c>
      <c r="I2943" s="45">
        <v>17.899999999999999</v>
      </c>
      <c r="J2943" s="45">
        <v>4.2</v>
      </c>
      <c r="K2943" s="46">
        <v>3.6</v>
      </c>
    </row>
    <row r="2944" spans="1:25" x14ac:dyDescent="0.2">
      <c r="B2944" s="72"/>
      <c r="C2944" s="38" t="s">
        <v>42</v>
      </c>
      <c r="D2944" s="44">
        <v>290</v>
      </c>
      <c r="E2944" s="45">
        <v>14.8</v>
      </c>
      <c r="F2944" s="45">
        <v>16.899999999999999</v>
      </c>
      <c r="G2944" s="45">
        <v>22.8</v>
      </c>
      <c r="H2944" s="45">
        <v>20.3</v>
      </c>
      <c r="I2944" s="45">
        <v>15.9</v>
      </c>
      <c r="J2944" s="45">
        <v>6.9</v>
      </c>
      <c r="K2944" s="46">
        <v>2.4</v>
      </c>
    </row>
    <row r="2945" spans="1:25" x14ac:dyDescent="0.2">
      <c r="B2945" s="72"/>
      <c r="C2945" s="38" t="s">
        <v>43</v>
      </c>
      <c r="D2945" s="44">
        <v>231</v>
      </c>
      <c r="E2945" s="45">
        <v>12.1</v>
      </c>
      <c r="F2945" s="45">
        <v>16.5</v>
      </c>
      <c r="G2945" s="45">
        <v>17.7</v>
      </c>
      <c r="H2945" s="45">
        <v>15.2</v>
      </c>
      <c r="I2945" s="45">
        <v>23.8</v>
      </c>
      <c r="J2945" s="45">
        <v>8.1999999999999993</v>
      </c>
      <c r="K2945" s="46">
        <v>6.5</v>
      </c>
    </row>
    <row r="2946" spans="1:25" x14ac:dyDescent="0.2">
      <c r="B2946" s="72"/>
      <c r="C2946" s="38" t="s">
        <v>44</v>
      </c>
      <c r="D2946" s="44">
        <v>800</v>
      </c>
      <c r="E2946" s="45">
        <v>14</v>
      </c>
      <c r="F2946" s="45">
        <v>14.1</v>
      </c>
      <c r="G2946" s="45">
        <v>20.399999999999999</v>
      </c>
      <c r="H2946" s="45">
        <v>15.4</v>
      </c>
      <c r="I2946" s="45">
        <v>21.6</v>
      </c>
      <c r="J2946" s="45">
        <v>9.4</v>
      </c>
      <c r="K2946" s="46">
        <v>5.0999999999999996</v>
      </c>
    </row>
    <row r="2947" spans="1:25" x14ac:dyDescent="0.2">
      <c r="B2947" s="72"/>
      <c r="C2947" s="38" t="s">
        <v>45</v>
      </c>
      <c r="D2947" s="44">
        <v>240</v>
      </c>
      <c r="E2947" s="45">
        <v>14.6</v>
      </c>
      <c r="F2947" s="45">
        <v>18.3</v>
      </c>
      <c r="G2947" s="45">
        <v>14.2</v>
      </c>
      <c r="H2947" s="45">
        <v>16.7</v>
      </c>
      <c r="I2947" s="45">
        <v>22.5</v>
      </c>
      <c r="J2947" s="45">
        <v>7.9</v>
      </c>
      <c r="K2947" s="46">
        <v>5.8</v>
      </c>
    </row>
    <row r="2948" spans="1:25" x14ac:dyDescent="0.2">
      <c r="B2948" s="72"/>
      <c r="C2948" s="38" t="s">
        <v>46</v>
      </c>
      <c r="D2948" s="44">
        <v>117</v>
      </c>
      <c r="E2948" s="45">
        <v>13.7</v>
      </c>
      <c r="F2948" s="45">
        <v>22.2</v>
      </c>
      <c r="G2948" s="45">
        <v>17.899999999999999</v>
      </c>
      <c r="H2948" s="45">
        <v>13.7</v>
      </c>
      <c r="I2948" s="45">
        <v>20.5</v>
      </c>
      <c r="J2948" s="45">
        <v>8.5</v>
      </c>
      <c r="K2948" s="46">
        <v>3.4</v>
      </c>
    </row>
    <row r="2949" spans="1:25" x14ac:dyDescent="0.2">
      <c r="B2949" s="72"/>
      <c r="C2949" s="38" t="s">
        <v>47</v>
      </c>
      <c r="D2949" s="44">
        <v>461</v>
      </c>
      <c r="E2949" s="45">
        <v>18.2</v>
      </c>
      <c r="F2949" s="45">
        <v>16.3</v>
      </c>
      <c r="G2949" s="45">
        <v>17.399999999999999</v>
      </c>
      <c r="H2949" s="45">
        <v>19.3</v>
      </c>
      <c r="I2949" s="45">
        <v>14.8</v>
      </c>
      <c r="J2949" s="45">
        <v>7.8</v>
      </c>
      <c r="K2949" s="46">
        <v>6.3</v>
      </c>
    </row>
    <row r="2950" spans="1:25" ht="21.6" x14ac:dyDescent="0.2">
      <c r="B2950" s="72"/>
      <c r="C2950" s="39" t="s">
        <v>48</v>
      </c>
      <c r="D2950" s="47">
        <v>2307</v>
      </c>
      <c r="E2950" s="48">
        <v>14.5</v>
      </c>
      <c r="F2950" s="48">
        <v>16.5</v>
      </c>
      <c r="G2950" s="48">
        <v>19.5</v>
      </c>
      <c r="H2950" s="48">
        <v>16.899999999999999</v>
      </c>
      <c r="I2950" s="48">
        <v>19.5</v>
      </c>
      <c r="J2950" s="48">
        <v>8.1</v>
      </c>
      <c r="K2950" s="49">
        <v>5</v>
      </c>
    </row>
    <row r="2952" spans="1:25" x14ac:dyDescent="0.2">
      <c r="A2952" s="26" t="s">
        <v>25</v>
      </c>
      <c r="B2952" t="s">
        <v>35</v>
      </c>
      <c r="C2952" t="s">
        <v>35</v>
      </c>
    </row>
    <row r="2953" spans="1:25" x14ac:dyDescent="0.2">
      <c r="B2953" s="70" t="s">
        <v>331</v>
      </c>
      <c r="C2953" s="71"/>
      <c r="D2953" s="71"/>
      <c r="E2953" s="71"/>
      <c r="F2953" s="71"/>
      <c r="G2953" s="71"/>
      <c r="H2953" s="71"/>
      <c r="I2953" s="71"/>
      <c r="J2953" s="71"/>
      <c r="K2953" s="71"/>
      <c r="L2953" s="71"/>
      <c r="M2953" s="71"/>
      <c r="N2953" s="71"/>
      <c r="O2953" s="71"/>
      <c r="P2953" s="71"/>
      <c r="Q2953" s="71"/>
      <c r="R2953" s="71"/>
      <c r="S2953" s="71"/>
      <c r="T2953" s="71"/>
      <c r="U2953" s="71"/>
      <c r="V2953" s="71"/>
      <c r="W2953" s="71"/>
      <c r="X2953" s="71"/>
      <c r="Y2953" s="71"/>
    </row>
    <row r="2954" spans="1:25" s="32" customFormat="1" ht="58.05" customHeight="1" x14ac:dyDescent="0.15">
      <c r="A2954" s="31"/>
      <c r="D2954" s="33" t="s">
        <v>341</v>
      </c>
      <c r="E2954" s="36" t="s">
        <v>818</v>
      </c>
      <c r="F2954" s="51" t="s">
        <v>815</v>
      </c>
      <c r="G2954" s="51" t="s">
        <v>816</v>
      </c>
      <c r="H2954" s="51" t="s">
        <v>819</v>
      </c>
      <c r="I2954" s="51" t="s">
        <v>811</v>
      </c>
      <c r="J2954" s="51" t="s">
        <v>820</v>
      </c>
      <c r="K2954" s="37" t="s">
        <v>443</v>
      </c>
      <c r="L2954" s="35" t="s">
        <v>344</v>
      </c>
    </row>
    <row r="2955" spans="1:25" x14ac:dyDescent="0.2">
      <c r="B2955" s="5"/>
      <c r="C2955" s="40" t="s">
        <v>38</v>
      </c>
      <c r="D2955" s="41">
        <v>4307</v>
      </c>
      <c r="E2955" s="42">
        <v>27.6</v>
      </c>
      <c r="F2955" s="42">
        <v>21.8</v>
      </c>
      <c r="G2955" s="42">
        <v>15.8</v>
      </c>
      <c r="H2955" s="42">
        <v>9.4</v>
      </c>
      <c r="I2955" s="42">
        <v>4.9000000000000004</v>
      </c>
      <c r="J2955" s="42">
        <v>4.5999999999999996</v>
      </c>
      <c r="K2955" s="43">
        <v>16</v>
      </c>
    </row>
    <row r="2956" spans="1:25" x14ac:dyDescent="0.2">
      <c r="B2956" s="72" t="s">
        <v>37</v>
      </c>
      <c r="C2956" s="38" t="s">
        <v>39</v>
      </c>
      <c r="D2956" s="44">
        <v>1325</v>
      </c>
      <c r="E2956" s="45">
        <v>23.2</v>
      </c>
      <c r="F2956" s="45">
        <v>21.5</v>
      </c>
      <c r="G2956" s="45">
        <v>14.3</v>
      </c>
      <c r="H2956" s="45">
        <v>12.2</v>
      </c>
      <c r="I2956" s="45">
        <v>6.6</v>
      </c>
      <c r="J2956" s="45">
        <v>7.2</v>
      </c>
      <c r="K2956" s="46">
        <v>14.9</v>
      </c>
    </row>
    <row r="2957" spans="1:25" x14ac:dyDescent="0.2">
      <c r="B2957" s="72"/>
      <c r="C2957" s="38" t="s">
        <v>40</v>
      </c>
      <c r="D2957" s="44">
        <v>675</v>
      </c>
      <c r="E2957" s="45">
        <v>24.6</v>
      </c>
      <c r="F2957" s="45">
        <v>23.1</v>
      </c>
      <c r="G2957" s="45">
        <v>17</v>
      </c>
      <c r="H2957" s="45">
        <v>9</v>
      </c>
      <c r="I2957" s="45">
        <v>5.3</v>
      </c>
      <c r="J2957" s="45">
        <v>4.0999999999999996</v>
      </c>
      <c r="K2957" s="46">
        <v>16.7</v>
      </c>
    </row>
    <row r="2958" spans="1:25" x14ac:dyDescent="0.2">
      <c r="B2958" s="72"/>
      <c r="C2958" s="38" t="s">
        <v>41</v>
      </c>
      <c r="D2958" s="44">
        <v>168</v>
      </c>
      <c r="E2958" s="45">
        <v>42.9</v>
      </c>
      <c r="F2958" s="45">
        <v>25</v>
      </c>
      <c r="G2958" s="45">
        <v>10.1</v>
      </c>
      <c r="H2958" s="45">
        <v>7.7</v>
      </c>
      <c r="I2958" s="45">
        <v>2.4</v>
      </c>
      <c r="J2958" s="45">
        <v>0.6</v>
      </c>
      <c r="K2958" s="46">
        <v>11.3</v>
      </c>
    </row>
    <row r="2959" spans="1:25" x14ac:dyDescent="0.2">
      <c r="B2959" s="72"/>
      <c r="C2959" s="38" t="s">
        <v>42</v>
      </c>
      <c r="D2959" s="44">
        <v>290</v>
      </c>
      <c r="E2959" s="45">
        <v>32.1</v>
      </c>
      <c r="F2959" s="45">
        <v>19.7</v>
      </c>
      <c r="G2959" s="45">
        <v>15.2</v>
      </c>
      <c r="H2959" s="45">
        <v>11</v>
      </c>
      <c r="I2959" s="45">
        <v>3.1</v>
      </c>
      <c r="J2959" s="45">
        <v>1.7</v>
      </c>
      <c r="K2959" s="46">
        <v>17.2</v>
      </c>
    </row>
    <row r="2960" spans="1:25" x14ac:dyDescent="0.2">
      <c r="B2960" s="72"/>
      <c r="C2960" s="38" t="s">
        <v>43</v>
      </c>
      <c r="D2960" s="44">
        <v>231</v>
      </c>
      <c r="E2960" s="45">
        <v>27.3</v>
      </c>
      <c r="F2960" s="45">
        <v>24.7</v>
      </c>
      <c r="G2960" s="45">
        <v>16.899999999999999</v>
      </c>
      <c r="H2960" s="45">
        <v>8.6999999999999993</v>
      </c>
      <c r="I2960" s="45">
        <v>3.9</v>
      </c>
      <c r="J2960" s="45">
        <v>2.6</v>
      </c>
      <c r="K2960" s="46">
        <v>16</v>
      </c>
    </row>
    <row r="2961" spans="1:25" x14ac:dyDescent="0.2">
      <c r="B2961" s="72"/>
      <c r="C2961" s="38" t="s">
        <v>44</v>
      </c>
      <c r="D2961" s="44">
        <v>800</v>
      </c>
      <c r="E2961" s="45">
        <v>28.5</v>
      </c>
      <c r="F2961" s="45">
        <v>20.5</v>
      </c>
      <c r="G2961" s="45">
        <v>18</v>
      </c>
      <c r="H2961" s="45">
        <v>6.3</v>
      </c>
      <c r="I2961" s="45">
        <v>4.8</v>
      </c>
      <c r="J2961" s="45">
        <v>3</v>
      </c>
      <c r="K2961" s="46">
        <v>19</v>
      </c>
    </row>
    <row r="2962" spans="1:25" x14ac:dyDescent="0.2">
      <c r="B2962" s="72"/>
      <c r="C2962" s="38" t="s">
        <v>45</v>
      </c>
      <c r="D2962" s="44">
        <v>240</v>
      </c>
      <c r="E2962" s="45">
        <v>28.8</v>
      </c>
      <c r="F2962" s="45">
        <v>23.8</v>
      </c>
      <c r="G2962" s="45">
        <v>17.5</v>
      </c>
      <c r="H2962" s="45">
        <v>9.1999999999999993</v>
      </c>
      <c r="I2962" s="45">
        <v>4.5999999999999996</v>
      </c>
      <c r="J2962" s="45">
        <v>2.5</v>
      </c>
      <c r="K2962" s="46">
        <v>13.8</v>
      </c>
    </row>
    <row r="2963" spans="1:25" x14ac:dyDescent="0.2">
      <c r="B2963" s="72"/>
      <c r="C2963" s="38" t="s">
        <v>46</v>
      </c>
      <c r="D2963" s="44">
        <v>117</v>
      </c>
      <c r="E2963" s="45">
        <v>32.5</v>
      </c>
      <c r="F2963" s="45">
        <v>27.4</v>
      </c>
      <c r="G2963" s="45">
        <v>12.8</v>
      </c>
      <c r="H2963" s="45">
        <v>4.3</v>
      </c>
      <c r="I2963" s="45">
        <v>2.6</v>
      </c>
      <c r="J2963" s="45">
        <v>7.7</v>
      </c>
      <c r="K2963" s="46">
        <v>12.8</v>
      </c>
    </row>
    <row r="2964" spans="1:25" x14ac:dyDescent="0.2">
      <c r="B2964" s="72"/>
      <c r="C2964" s="38" t="s">
        <v>47</v>
      </c>
      <c r="D2964" s="44">
        <v>461</v>
      </c>
      <c r="E2964" s="45">
        <v>33</v>
      </c>
      <c r="F2964" s="45">
        <v>19.5</v>
      </c>
      <c r="G2964" s="45">
        <v>16.100000000000001</v>
      </c>
      <c r="H2964" s="45">
        <v>8.6999999999999993</v>
      </c>
      <c r="I2964" s="45">
        <v>2.8</v>
      </c>
      <c r="J2964" s="45">
        <v>4.8</v>
      </c>
      <c r="K2964" s="46">
        <v>15.2</v>
      </c>
    </row>
    <row r="2965" spans="1:25" ht="21.6" x14ac:dyDescent="0.2">
      <c r="B2965" s="72"/>
      <c r="C2965" s="39" t="s">
        <v>48</v>
      </c>
      <c r="D2965" s="47">
        <v>2307</v>
      </c>
      <c r="E2965" s="48">
        <v>31</v>
      </c>
      <c r="F2965" s="48">
        <v>21.6</v>
      </c>
      <c r="G2965" s="48">
        <v>16.3</v>
      </c>
      <c r="H2965" s="48">
        <v>7.9</v>
      </c>
      <c r="I2965" s="48">
        <v>3.8</v>
      </c>
      <c r="J2965" s="48">
        <v>3.2</v>
      </c>
      <c r="K2965" s="49">
        <v>16.3</v>
      </c>
    </row>
    <row r="2967" spans="1:25" x14ac:dyDescent="0.2">
      <c r="A2967" s="26" t="s">
        <v>25</v>
      </c>
      <c r="B2967" t="s">
        <v>35</v>
      </c>
      <c r="C2967" t="s">
        <v>35</v>
      </c>
    </row>
    <row r="2968" spans="1:25" x14ac:dyDescent="0.2">
      <c r="B2968" s="70" t="s">
        <v>332</v>
      </c>
      <c r="C2968" s="71"/>
      <c r="D2968" s="71"/>
      <c r="E2968" s="71"/>
      <c r="F2968" s="71"/>
      <c r="G2968" s="71"/>
      <c r="H2968" s="71"/>
      <c r="I2968" s="71"/>
      <c r="J2968" s="71"/>
      <c r="K2968" s="71"/>
      <c r="L2968" s="71"/>
      <c r="M2968" s="71"/>
      <c r="N2968" s="71"/>
      <c r="O2968" s="71"/>
      <c r="P2968" s="71"/>
      <c r="Q2968" s="71"/>
      <c r="R2968" s="71"/>
      <c r="S2968" s="71"/>
      <c r="T2968" s="71"/>
      <c r="U2968" s="71"/>
      <c r="V2968" s="71"/>
      <c r="W2968" s="71"/>
      <c r="X2968" s="71"/>
      <c r="Y2968" s="71"/>
    </row>
    <row r="2969" spans="1:25" s="32" customFormat="1" ht="68.849999999999994" customHeight="1" x14ac:dyDescent="0.15">
      <c r="A2969" s="31"/>
      <c r="D2969" s="33" t="s">
        <v>341</v>
      </c>
      <c r="E2969" s="36" t="s">
        <v>801</v>
      </c>
      <c r="F2969" s="51" t="s">
        <v>821</v>
      </c>
      <c r="G2969" s="51" t="s">
        <v>822</v>
      </c>
      <c r="H2969" s="51" t="s">
        <v>823</v>
      </c>
      <c r="I2969" s="51" t="s">
        <v>824</v>
      </c>
      <c r="J2969" s="51" t="s">
        <v>814</v>
      </c>
      <c r="K2969" s="37" t="s">
        <v>443</v>
      </c>
      <c r="L2969" s="35" t="s">
        <v>344</v>
      </c>
    </row>
    <row r="2970" spans="1:25" x14ac:dyDescent="0.2">
      <c r="B2970" s="5"/>
      <c r="C2970" s="40" t="s">
        <v>38</v>
      </c>
      <c r="D2970" s="41">
        <v>4307</v>
      </c>
      <c r="E2970" s="42">
        <v>20.8</v>
      </c>
      <c r="F2970" s="42">
        <v>12.7</v>
      </c>
      <c r="G2970" s="42">
        <v>9.4</v>
      </c>
      <c r="H2970" s="42">
        <v>8.9</v>
      </c>
      <c r="I2970" s="42">
        <v>7.6</v>
      </c>
      <c r="J2970" s="42">
        <v>8.9</v>
      </c>
      <c r="K2970" s="43">
        <v>31.7</v>
      </c>
    </row>
    <row r="2971" spans="1:25" x14ac:dyDescent="0.2">
      <c r="B2971" s="72" t="s">
        <v>37</v>
      </c>
      <c r="C2971" s="38" t="s">
        <v>39</v>
      </c>
      <c r="D2971" s="44">
        <v>1325</v>
      </c>
      <c r="E2971" s="45">
        <v>19.399999999999999</v>
      </c>
      <c r="F2971" s="45">
        <v>12.2</v>
      </c>
      <c r="G2971" s="45">
        <v>10.3</v>
      </c>
      <c r="H2971" s="45">
        <v>9.6</v>
      </c>
      <c r="I2971" s="45">
        <v>9.9</v>
      </c>
      <c r="J2971" s="45">
        <v>11.1</v>
      </c>
      <c r="K2971" s="46">
        <v>27.5</v>
      </c>
    </row>
    <row r="2972" spans="1:25" x14ac:dyDescent="0.2">
      <c r="B2972" s="72"/>
      <c r="C2972" s="38" t="s">
        <v>40</v>
      </c>
      <c r="D2972" s="44">
        <v>675</v>
      </c>
      <c r="E2972" s="45">
        <v>18.2</v>
      </c>
      <c r="F2972" s="45">
        <v>12.6</v>
      </c>
      <c r="G2972" s="45">
        <v>8</v>
      </c>
      <c r="H2972" s="45">
        <v>10.199999999999999</v>
      </c>
      <c r="I2972" s="45">
        <v>7.3</v>
      </c>
      <c r="J2972" s="45">
        <v>9.9</v>
      </c>
      <c r="K2972" s="46">
        <v>33.799999999999997</v>
      </c>
    </row>
    <row r="2973" spans="1:25" x14ac:dyDescent="0.2">
      <c r="B2973" s="72"/>
      <c r="C2973" s="38" t="s">
        <v>41</v>
      </c>
      <c r="D2973" s="44">
        <v>168</v>
      </c>
      <c r="E2973" s="45">
        <v>26.2</v>
      </c>
      <c r="F2973" s="45">
        <v>12.5</v>
      </c>
      <c r="G2973" s="45">
        <v>8.3000000000000007</v>
      </c>
      <c r="H2973" s="45">
        <v>10.1</v>
      </c>
      <c r="I2973" s="45">
        <v>4.8</v>
      </c>
      <c r="J2973" s="45">
        <v>7.1</v>
      </c>
      <c r="K2973" s="46">
        <v>31</v>
      </c>
    </row>
    <row r="2974" spans="1:25" x14ac:dyDescent="0.2">
      <c r="B2974" s="72"/>
      <c r="C2974" s="38" t="s">
        <v>42</v>
      </c>
      <c r="D2974" s="44">
        <v>290</v>
      </c>
      <c r="E2974" s="45">
        <v>23.8</v>
      </c>
      <c r="F2974" s="45">
        <v>13.8</v>
      </c>
      <c r="G2974" s="45">
        <v>9.3000000000000007</v>
      </c>
      <c r="H2974" s="45">
        <v>7.9</v>
      </c>
      <c r="I2974" s="45">
        <v>5.5</v>
      </c>
      <c r="J2974" s="45">
        <v>4.0999999999999996</v>
      </c>
      <c r="K2974" s="46">
        <v>35.5</v>
      </c>
    </row>
    <row r="2975" spans="1:25" x14ac:dyDescent="0.2">
      <c r="B2975" s="72"/>
      <c r="C2975" s="38" t="s">
        <v>43</v>
      </c>
      <c r="D2975" s="44">
        <v>231</v>
      </c>
      <c r="E2975" s="45">
        <v>27.3</v>
      </c>
      <c r="F2975" s="45">
        <v>14.7</v>
      </c>
      <c r="G2975" s="45">
        <v>10.4</v>
      </c>
      <c r="H2975" s="45">
        <v>5.6</v>
      </c>
      <c r="I2975" s="45">
        <v>5.2</v>
      </c>
      <c r="J2975" s="45">
        <v>8.1999999999999993</v>
      </c>
      <c r="K2975" s="46">
        <v>28.6</v>
      </c>
    </row>
    <row r="2976" spans="1:25" x14ac:dyDescent="0.2">
      <c r="B2976" s="72"/>
      <c r="C2976" s="38" t="s">
        <v>44</v>
      </c>
      <c r="D2976" s="44">
        <v>800</v>
      </c>
      <c r="E2976" s="45">
        <v>18.600000000000001</v>
      </c>
      <c r="F2976" s="45">
        <v>9.9</v>
      </c>
      <c r="G2976" s="45">
        <v>9.3000000000000007</v>
      </c>
      <c r="H2976" s="45">
        <v>9</v>
      </c>
      <c r="I2976" s="45">
        <v>8.1</v>
      </c>
      <c r="J2976" s="45">
        <v>8.8000000000000007</v>
      </c>
      <c r="K2976" s="46">
        <v>36.4</v>
      </c>
    </row>
    <row r="2977" spans="1:25" x14ac:dyDescent="0.2">
      <c r="B2977" s="72"/>
      <c r="C2977" s="38" t="s">
        <v>45</v>
      </c>
      <c r="D2977" s="44">
        <v>240</v>
      </c>
      <c r="E2977" s="45">
        <v>24.6</v>
      </c>
      <c r="F2977" s="45">
        <v>14.6</v>
      </c>
      <c r="G2977" s="45">
        <v>10.8</v>
      </c>
      <c r="H2977" s="45">
        <v>7.5</v>
      </c>
      <c r="I2977" s="45">
        <v>3.3</v>
      </c>
      <c r="J2977" s="45">
        <v>6.7</v>
      </c>
      <c r="K2977" s="46">
        <v>32.5</v>
      </c>
    </row>
    <row r="2978" spans="1:25" x14ac:dyDescent="0.2">
      <c r="B2978" s="72"/>
      <c r="C2978" s="38" t="s">
        <v>46</v>
      </c>
      <c r="D2978" s="44">
        <v>117</v>
      </c>
      <c r="E2978" s="45">
        <v>20.5</v>
      </c>
      <c r="F2978" s="45">
        <v>12</v>
      </c>
      <c r="G2978" s="45">
        <v>11.1</v>
      </c>
      <c r="H2978" s="45">
        <v>4.3</v>
      </c>
      <c r="I2978" s="45">
        <v>6</v>
      </c>
      <c r="J2978" s="45">
        <v>12</v>
      </c>
      <c r="K2978" s="46">
        <v>34.200000000000003</v>
      </c>
    </row>
    <row r="2979" spans="1:25" x14ac:dyDescent="0.2">
      <c r="B2979" s="72"/>
      <c r="C2979" s="38" t="s">
        <v>47</v>
      </c>
      <c r="D2979" s="44">
        <v>461</v>
      </c>
      <c r="E2979" s="45">
        <v>23</v>
      </c>
      <c r="F2979" s="45">
        <v>16.3</v>
      </c>
      <c r="G2979" s="45">
        <v>8.5</v>
      </c>
      <c r="H2979" s="45">
        <v>8.5</v>
      </c>
      <c r="I2979" s="45">
        <v>6.9</v>
      </c>
      <c r="J2979" s="45">
        <v>6.1</v>
      </c>
      <c r="K2979" s="46">
        <v>30.8</v>
      </c>
    </row>
    <row r="2980" spans="1:25" ht="21.6" x14ac:dyDescent="0.2">
      <c r="B2980" s="72"/>
      <c r="C2980" s="39" t="s">
        <v>48</v>
      </c>
      <c r="D2980" s="47">
        <v>2307</v>
      </c>
      <c r="E2980" s="48">
        <v>22.3</v>
      </c>
      <c r="F2980" s="48">
        <v>12.9</v>
      </c>
      <c r="G2980" s="48">
        <v>9.4</v>
      </c>
      <c r="H2980" s="48">
        <v>8.1</v>
      </c>
      <c r="I2980" s="48">
        <v>6.4</v>
      </c>
      <c r="J2980" s="48">
        <v>7.4</v>
      </c>
      <c r="K2980" s="49">
        <v>33.5</v>
      </c>
    </row>
    <row r="2981" spans="1:25" x14ac:dyDescent="0.2">
      <c r="B2981" s="7" t="s">
        <v>49</v>
      </c>
      <c r="C2981" s="4" t="s">
        <v>333</v>
      </c>
    </row>
    <row r="2982" spans="1:25" x14ac:dyDescent="0.2">
      <c r="B2982" s="4"/>
      <c r="C2982" s="4" t="s">
        <v>51</v>
      </c>
    </row>
    <row r="2984" spans="1:25" x14ac:dyDescent="0.2">
      <c r="A2984" s="26" t="s">
        <v>25</v>
      </c>
      <c r="B2984" t="s">
        <v>35</v>
      </c>
      <c r="C2984" t="s">
        <v>35</v>
      </c>
    </row>
    <row r="2985" spans="1:25" x14ac:dyDescent="0.2">
      <c r="B2985" s="70" t="s">
        <v>334</v>
      </c>
      <c r="C2985" s="71"/>
      <c r="D2985" s="71"/>
      <c r="E2985" s="71"/>
      <c r="F2985" s="71"/>
      <c r="G2985" s="71"/>
      <c r="H2985" s="71"/>
      <c r="I2985" s="71"/>
      <c r="J2985" s="71"/>
      <c r="K2985" s="71"/>
      <c r="L2985" s="71"/>
      <c r="M2985" s="71"/>
      <c r="N2985" s="71"/>
      <c r="O2985" s="71"/>
      <c r="P2985" s="71"/>
      <c r="Q2985" s="71"/>
      <c r="R2985" s="71"/>
      <c r="S2985" s="71"/>
      <c r="T2985" s="71"/>
      <c r="U2985" s="71"/>
      <c r="V2985" s="71"/>
      <c r="W2985" s="71"/>
      <c r="X2985" s="71"/>
      <c r="Y2985" s="71"/>
    </row>
    <row r="2986" spans="1:25" s="32" customFormat="1" ht="58.05" customHeight="1" x14ac:dyDescent="0.15">
      <c r="A2986" s="31"/>
      <c r="D2986" s="33" t="s">
        <v>341</v>
      </c>
      <c r="E2986" s="36" t="s">
        <v>825</v>
      </c>
      <c r="F2986" s="51" t="s">
        <v>826</v>
      </c>
      <c r="G2986" s="51" t="s">
        <v>827</v>
      </c>
      <c r="H2986" s="51" t="s">
        <v>828</v>
      </c>
      <c r="I2986" s="51" t="s">
        <v>829</v>
      </c>
      <c r="J2986" s="51" t="s">
        <v>830</v>
      </c>
      <c r="K2986" s="37" t="s">
        <v>443</v>
      </c>
      <c r="L2986" s="35" t="s">
        <v>344</v>
      </c>
    </row>
    <row r="2987" spans="1:25" x14ac:dyDescent="0.2">
      <c r="B2987" s="5"/>
      <c r="C2987" s="40" t="s">
        <v>38</v>
      </c>
      <c r="D2987" s="41">
        <v>4307</v>
      </c>
      <c r="E2987" s="42">
        <v>28.2</v>
      </c>
      <c r="F2987" s="42">
        <v>4</v>
      </c>
      <c r="G2987" s="42">
        <v>14.2</v>
      </c>
      <c r="H2987" s="42">
        <v>4.8</v>
      </c>
      <c r="I2987" s="42">
        <v>1.7</v>
      </c>
      <c r="J2987" s="42">
        <v>51.8</v>
      </c>
      <c r="K2987" s="43">
        <v>6.5</v>
      </c>
    </row>
    <row r="2988" spans="1:25" x14ac:dyDescent="0.2">
      <c r="B2988" s="72" t="s">
        <v>37</v>
      </c>
      <c r="C2988" s="38" t="s">
        <v>39</v>
      </c>
      <c r="D2988" s="44">
        <v>1325</v>
      </c>
      <c r="E2988" s="45">
        <v>29.2</v>
      </c>
      <c r="F2988" s="45">
        <v>3.3</v>
      </c>
      <c r="G2988" s="45">
        <v>10.1</v>
      </c>
      <c r="H2988" s="45">
        <v>4.4000000000000004</v>
      </c>
      <c r="I2988" s="45">
        <v>1.7</v>
      </c>
      <c r="J2988" s="45">
        <v>53.6</v>
      </c>
      <c r="K2988" s="46">
        <v>6.7</v>
      </c>
    </row>
    <row r="2989" spans="1:25" x14ac:dyDescent="0.2">
      <c r="B2989" s="72"/>
      <c r="C2989" s="38" t="s">
        <v>40</v>
      </c>
      <c r="D2989" s="44">
        <v>675</v>
      </c>
      <c r="E2989" s="45">
        <v>29.3</v>
      </c>
      <c r="F2989" s="45">
        <v>4</v>
      </c>
      <c r="G2989" s="45">
        <v>8.6</v>
      </c>
      <c r="H2989" s="45">
        <v>3.6</v>
      </c>
      <c r="I2989" s="45">
        <v>1.5</v>
      </c>
      <c r="J2989" s="45">
        <v>55.3</v>
      </c>
      <c r="K2989" s="46">
        <v>7.1</v>
      </c>
    </row>
    <row r="2990" spans="1:25" x14ac:dyDescent="0.2">
      <c r="B2990" s="72"/>
      <c r="C2990" s="38" t="s">
        <v>41</v>
      </c>
      <c r="D2990" s="44">
        <v>168</v>
      </c>
      <c r="E2990" s="45">
        <v>22</v>
      </c>
      <c r="F2990" s="45">
        <v>3.6</v>
      </c>
      <c r="G2990" s="45">
        <v>17.899999999999999</v>
      </c>
      <c r="H2990" s="45">
        <v>5.4</v>
      </c>
      <c r="I2990" s="45">
        <v>0</v>
      </c>
      <c r="J2990" s="45">
        <v>54.8</v>
      </c>
      <c r="K2990" s="46">
        <v>6</v>
      </c>
    </row>
    <row r="2991" spans="1:25" x14ac:dyDescent="0.2">
      <c r="B2991" s="72"/>
      <c r="C2991" s="38" t="s">
        <v>42</v>
      </c>
      <c r="D2991" s="44">
        <v>290</v>
      </c>
      <c r="E2991" s="45">
        <v>25.5</v>
      </c>
      <c r="F2991" s="45">
        <v>4.5</v>
      </c>
      <c r="G2991" s="45">
        <v>21.4</v>
      </c>
      <c r="H2991" s="45">
        <v>4.5</v>
      </c>
      <c r="I2991" s="45">
        <v>2.4</v>
      </c>
      <c r="J2991" s="45">
        <v>51</v>
      </c>
      <c r="K2991" s="46">
        <v>7.6</v>
      </c>
    </row>
    <row r="2992" spans="1:25" x14ac:dyDescent="0.2">
      <c r="B2992" s="72"/>
      <c r="C2992" s="38" t="s">
        <v>43</v>
      </c>
      <c r="D2992" s="44">
        <v>231</v>
      </c>
      <c r="E2992" s="45">
        <v>34.200000000000003</v>
      </c>
      <c r="F2992" s="45">
        <v>7.4</v>
      </c>
      <c r="G2992" s="45">
        <v>22.5</v>
      </c>
      <c r="H2992" s="45">
        <v>5.2</v>
      </c>
      <c r="I2992" s="45">
        <v>1.7</v>
      </c>
      <c r="J2992" s="45">
        <v>43.3</v>
      </c>
      <c r="K2992" s="46">
        <v>3</v>
      </c>
    </row>
    <row r="2993" spans="1:25" x14ac:dyDescent="0.2">
      <c r="B2993" s="72"/>
      <c r="C2993" s="38" t="s">
        <v>44</v>
      </c>
      <c r="D2993" s="44">
        <v>800</v>
      </c>
      <c r="E2993" s="45">
        <v>28.3</v>
      </c>
      <c r="F2993" s="45">
        <v>3.5</v>
      </c>
      <c r="G2993" s="45">
        <v>13.6</v>
      </c>
      <c r="H2993" s="45">
        <v>5.6</v>
      </c>
      <c r="I2993" s="45">
        <v>1.6</v>
      </c>
      <c r="J2993" s="45">
        <v>51.5</v>
      </c>
      <c r="K2993" s="46">
        <v>6.1</v>
      </c>
    </row>
    <row r="2994" spans="1:25" x14ac:dyDescent="0.2">
      <c r="B2994" s="72"/>
      <c r="C2994" s="38" t="s">
        <v>45</v>
      </c>
      <c r="D2994" s="44">
        <v>240</v>
      </c>
      <c r="E2994" s="45">
        <v>27.9</v>
      </c>
      <c r="F2994" s="45">
        <v>4.2</v>
      </c>
      <c r="G2994" s="45">
        <v>23.3</v>
      </c>
      <c r="H2994" s="45">
        <v>6.7</v>
      </c>
      <c r="I2994" s="45">
        <v>3.3</v>
      </c>
      <c r="J2994" s="45">
        <v>49.6</v>
      </c>
      <c r="K2994" s="46">
        <v>4.2</v>
      </c>
    </row>
    <row r="2995" spans="1:25" x14ac:dyDescent="0.2">
      <c r="B2995" s="72"/>
      <c r="C2995" s="38" t="s">
        <v>46</v>
      </c>
      <c r="D2995" s="44">
        <v>117</v>
      </c>
      <c r="E2995" s="45">
        <v>19.7</v>
      </c>
      <c r="F2995" s="45">
        <v>0.9</v>
      </c>
      <c r="G2995" s="45">
        <v>16.2</v>
      </c>
      <c r="H2995" s="45">
        <v>4.3</v>
      </c>
      <c r="I2995" s="45">
        <v>4.3</v>
      </c>
      <c r="J2995" s="45">
        <v>53.8</v>
      </c>
      <c r="K2995" s="46">
        <v>8.5</v>
      </c>
    </row>
    <row r="2996" spans="1:25" x14ac:dyDescent="0.2">
      <c r="B2996" s="72"/>
      <c r="C2996" s="38" t="s">
        <v>47</v>
      </c>
      <c r="D2996" s="44">
        <v>461</v>
      </c>
      <c r="E2996" s="45">
        <v>26.9</v>
      </c>
      <c r="F2996" s="45">
        <v>5.9</v>
      </c>
      <c r="G2996" s="45">
        <v>19.7</v>
      </c>
      <c r="H2996" s="45">
        <v>5.4</v>
      </c>
      <c r="I2996" s="45">
        <v>1.1000000000000001</v>
      </c>
      <c r="J2996" s="45">
        <v>46.4</v>
      </c>
      <c r="K2996" s="46">
        <v>7.8</v>
      </c>
    </row>
    <row r="2997" spans="1:25" ht="21.6" x14ac:dyDescent="0.2">
      <c r="B2997" s="72"/>
      <c r="C2997" s="39" t="s">
        <v>48</v>
      </c>
      <c r="D2997" s="47">
        <v>2307</v>
      </c>
      <c r="E2997" s="48">
        <v>27.3</v>
      </c>
      <c r="F2997" s="48">
        <v>4.4000000000000004</v>
      </c>
      <c r="G2997" s="48">
        <v>18.2</v>
      </c>
      <c r="H2997" s="48">
        <v>5.4</v>
      </c>
      <c r="I2997" s="48">
        <v>1.8</v>
      </c>
      <c r="J2997" s="48">
        <v>49.8</v>
      </c>
      <c r="K2997" s="49">
        <v>6.2</v>
      </c>
    </row>
    <row r="2998" spans="1:25" x14ac:dyDescent="0.2">
      <c r="B2998" s="7" t="s">
        <v>49</v>
      </c>
      <c r="C2998" s="4" t="s">
        <v>335</v>
      </c>
    </row>
    <row r="2999" spans="1:25" x14ac:dyDescent="0.2">
      <c r="B2999" s="4"/>
      <c r="C2999" s="4" t="s">
        <v>51</v>
      </c>
    </row>
    <row r="3001" spans="1:25" x14ac:dyDescent="0.2">
      <c r="A3001" s="26" t="s">
        <v>25</v>
      </c>
      <c r="B3001" t="s">
        <v>35</v>
      </c>
      <c r="C3001" t="s">
        <v>35</v>
      </c>
    </row>
    <row r="3002" spans="1:25" x14ac:dyDescent="0.2">
      <c r="B3002" s="70" t="s">
        <v>336</v>
      </c>
      <c r="C3002" s="71"/>
      <c r="D3002" s="71"/>
      <c r="E3002" s="71"/>
      <c r="F3002" s="71"/>
      <c r="G3002" s="71"/>
      <c r="H3002" s="71"/>
      <c r="I3002" s="71"/>
      <c r="J3002" s="71"/>
      <c r="K3002" s="71"/>
      <c r="L3002" s="71"/>
      <c r="M3002" s="71"/>
      <c r="N3002" s="71"/>
      <c r="O3002" s="71"/>
      <c r="P3002" s="71"/>
      <c r="Q3002" s="71"/>
      <c r="R3002" s="71"/>
      <c r="S3002" s="71"/>
      <c r="T3002" s="71"/>
      <c r="U3002" s="71"/>
      <c r="V3002" s="71"/>
      <c r="W3002" s="71"/>
      <c r="X3002" s="71"/>
      <c r="Y3002" s="71"/>
    </row>
    <row r="3003" spans="1:25" s="32" customFormat="1" ht="58.05" customHeight="1" x14ac:dyDescent="0.15">
      <c r="A3003" s="31"/>
      <c r="D3003" s="33" t="s">
        <v>341</v>
      </c>
      <c r="E3003" s="36" t="s">
        <v>831</v>
      </c>
      <c r="F3003" s="51" t="s">
        <v>830</v>
      </c>
      <c r="G3003" s="37" t="s">
        <v>443</v>
      </c>
      <c r="H3003" s="35" t="s">
        <v>344</v>
      </c>
    </row>
    <row r="3004" spans="1:25" x14ac:dyDescent="0.2">
      <c r="B3004" s="5"/>
      <c r="C3004" s="40" t="s">
        <v>38</v>
      </c>
      <c r="D3004" s="41">
        <v>4307</v>
      </c>
      <c r="E3004" s="42">
        <v>41.7</v>
      </c>
      <c r="F3004" s="42">
        <v>51.8</v>
      </c>
      <c r="G3004" s="43">
        <v>6.5</v>
      </c>
    </row>
    <row r="3005" spans="1:25" x14ac:dyDescent="0.2">
      <c r="B3005" s="72" t="s">
        <v>37</v>
      </c>
      <c r="C3005" s="38" t="s">
        <v>39</v>
      </c>
      <c r="D3005" s="44">
        <v>1325</v>
      </c>
      <c r="E3005" s="45">
        <v>39.700000000000003</v>
      </c>
      <c r="F3005" s="45">
        <v>53.6</v>
      </c>
      <c r="G3005" s="46">
        <v>6.7</v>
      </c>
    </row>
    <row r="3006" spans="1:25" x14ac:dyDescent="0.2">
      <c r="B3006" s="72"/>
      <c r="C3006" s="38" t="s">
        <v>40</v>
      </c>
      <c r="D3006" s="44">
        <v>675</v>
      </c>
      <c r="E3006" s="45">
        <v>37.6</v>
      </c>
      <c r="F3006" s="45">
        <v>55.3</v>
      </c>
      <c r="G3006" s="46">
        <v>7.1</v>
      </c>
    </row>
    <row r="3007" spans="1:25" x14ac:dyDescent="0.2">
      <c r="B3007" s="72"/>
      <c r="C3007" s="38" t="s">
        <v>41</v>
      </c>
      <c r="D3007" s="44">
        <v>168</v>
      </c>
      <c r="E3007" s="45">
        <v>39.299999999999997</v>
      </c>
      <c r="F3007" s="45">
        <v>54.8</v>
      </c>
      <c r="G3007" s="46">
        <v>6</v>
      </c>
    </row>
    <row r="3008" spans="1:25" x14ac:dyDescent="0.2">
      <c r="B3008" s="72"/>
      <c r="C3008" s="38" t="s">
        <v>42</v>
      </c>
      <c r="D3008" s="44">
        <v>290</v>
      </c>
      <c r="E3008" s="45">
        <v>41.4</v>
      </c>
      <c r="F3008" s="45">
        <v>51</v>
      </c>
      <c r="G3008" s="46">
        <v>7.6</v>
      </c>
    </row>
    <row r="3009" spans="1:25" x14ac:dyDescent="0.2">
      <c r="B3009" s="72"/>
      <c r="C3009" s="38" t="s">
        <v>43</v>
      </c>
      <c r="D3009" s="44">
        <v>231</v>
      </c>
      <c r="E3009" s="45">
        <v>53.7</v>
      </c>
      <c r="F3009" s="45">
        <v>43.3</v>
      </c>
      <c r="G3009" s="46">
        <v>3</v>
      </c>
    </row>
    <row r="3010" spans="1:25" x14ac:dyDescent="0.2">
      <c r="B3010" s="72"/>
      <c r="C3010" s="38" t="s">
        <v>44</v>
      </c>
      <c r="D3010" s="44">
        <v>800</v>
      </c>
      <c r="E3010" s="45">
        <v>42.4</v>
      </c>
      <c r="F3010" s="45">
        <v>51.5</v>
      </c>
      <c r="G3010" s="46">
        <v>6.1</v>
      </c>
    </row>
    <row r="3011" spans="1:25" x14ac:dyDescent="0.2">
      <c r="B3011" s="72"/>
      <c r="C3011" s="38" t="s">
        <v>45</v>
      </c>
      <c r="D3011" s="44">
        <v>240</v>
      </c>
      <c r="E3011" s="45">
        <v>46.3</v>
      </c>
      <c r="F3011" s="45">
        <v>49.6</v>
      </c>
      <c r="G3011" s="46">
        <v>4.2</v>
      </c>
    </row>
    <row r="3012" spans="1:25" x14ac:dyDescent="0.2">
      <c r="B3012" s="72"/>
      <c r="C3012" s="38" t="s">
        <v>46</v>
      </c>
      <c r="D3012" s="44">
        <v>117</v>
      </c>
      <c r="E3012" s="45">
        <v>37.6</v>
      </c>
      <c r="F3012" s="45">
        <v>53.8</v>
      </c>
      <c r="G3012" s="46">
        <v>8.5</v>
      </c>
    </row>
    <row r="3013" spans="1:25" x14ac:dyDescent="0.2">
      <c r="B3013" s="72"/>
      <c r="C3013" s="38" t="s">
        <v>47</v>
      </c>
      <c r="D3013" s="44">
        <v>461</v>
      </c>
      <c r="E3013" s="45">
        <v>45.8</v>
      </c>
      <c r="F3013" s="45">
        <v>46.4</v>
      </c>
      <c r="G3013" s="46">
        <v>7.8</v>
      </c>
    </row>
    <row r="3014" spans="1:25" ht="21.6" x14ac:dyDescent="0.2">
      <c r="B3014" s="72"/>
      <c r="C3014" s="39" t="s">
        <v>48</v>
      </c>
      <c r="D3014" s="47">
        <v>2307</v>
      </c>
      <c r="E3014" s="48">
        <v>44</v>
      </c>
      <c r="F3014" s="48">
        <v>49.8</v>
      </c>
      <c r="G3014" s="49">
        <v>6.2</v>
      </c>
    </row>
    <row r="3016" spans="1:25" x14ac:dyDescent="0.2">
      <c r="A3016" s="26" t="s">
        <v>25</v>
      </c>
      <c r="B3016" t="s">
        <v>35</v>
      </c>
      <c r="C3016" t="s">
        <v>35</v>
      </c>
    </row>
    <row r="3017" spans="1:25" x14ac:dyDescent="0.2">
      <c r="B3017" s="70" t="s">
        <v>337</v>
      </c>
      <c r="C3017" s="71"/>
      <c r="D3017" s="71"/>
      <c r="E3017" s="71"/>
      <c r="F3017" s="71"/>
      <c r="G3017" s="71"/>
      <c r="H3017" s="71"/>
      <c r="I3017" s="71"/>
      <c r="J3017" s="71"/>
      <c r="K3017" s="71"/>
      <c r="L3017" s="71"/>
      <c r="M3017" s="71"/>
      <c r="N3017" s="71"/>
      <c r="O3017" s="71"/>
      <c r="P3017" s="71"/>
      <c r="Q3017" s="71"/>
      <c r="R3017" s="71"/>
      <c r="S3017" s="71"/>
      <c r="T3017" s="71"/>
      <c r="U3017" s="71"/>
      <c r="V3017" s="71"/>
      <c r="W3017" s="71"/>
      <c r="X3017" s="71"/>
      <c r="Y3017" s="71"/>
    </row>
    <row r="3018" spans="1:25" s="32" customFormat="1" ht="36.450000000000003" customHeight="1" x14ac:dyDescent="0.15">
      <c r="A3018" s="31"/>
      <c r="D3018" s="33" t="s">
        <v>341</v>
      </c>
      <c r="E3018" s="36" t="s">
        <v>832</v>
      </c>
      <c r="F3018" s="51" t="s">
        <v>833</v>
      </c>
      <c r="G3018" s="37" t="s">
        <v>443</v>
      </c>
      <c r="H3018" s="35" t="s">
        <v>344</v>
      </c>
    </row>
    <row r="3019" spans="1:25" x14ac:dyDescent="0.2">
      <c r="B3019" s="5"/>
      <c r="C3019" s="40" t="s">
        <v>38</v>
      </c>
      <c r="D3019" s="41">
        <v>4307</v>
      </c>
      <c r="E3019" s="42">
        <v>18.899999999999999</v>
      </c>
      <c r="F3019" s="42">
        <v>36.700000000000003</v>
      </c>
      <c r="G3019" s="43">
        <v>44.4</v>
      </c>
    </row>
    <row r="3020" spans="1:25" x14ac:dyDescent="0.2">
      <c r="B3020" s="72" t="s">
        <v>37</v>
      </c>
      <c r="C3020" s="38" t="s">
        <v>39</v>
      </c>
      <c r="D3020" s="44">
        <v>1325</v>
      </c>
      <c r="E3020" s="45">
        <v>19.2</v>
      </c>
      <c r="F3020" s="45">
        <v>38</v>
      </c>
      <c r="G3020" s="46">
        <v>42.7</v>
      </c>
    </row>
    <row r="3021" spans="1:25" x14ac:dyDescent="0.2">
      <c r="B3021" s="72"/>
      <c r="C3021" s="38" t="s">
        <v>40</v>
      </c>
      <c r="D3021" s="44">
        <v>675</v>
      </c>
      <c r="E3021" s="45">
        <v>19.600000000000001</v>
      </c>
      <c r="F3021" s="45">
        <v>36.6</v>
      </c>
      <c r="G3021" s="46">
        <v>43.9</v>
      </c>
    </row>
    <row r="3022" spans="1:25" x14ac:dyDescent="0.2">
      <c r="B3022" s="72"/>
      <c r="C3022" s="38" t="s">
        <v>41</v>
      </c>
      <c r="D3022" s="44">
        <v>168</v>
      </c>
      <c r="E3022" s="45">
        <v>13.1</v>
      </c>
      <c r="F3022" s="45">
        <v>31.5</v>
      </c>
      <c r="G3022" s="46">
        <v>55.4</v>
      </c>
    </row>
    <row r="3023" spans="1:25" x14ac:dyDescent="0.2">
      <c r="B3023" s="72"/>
      <c r="C3023" s="38" t="s">
        <v>42</v>
      </c>
      <c r="D3023" s="44">
        <v>290</v>
      </c>
      <c r="E3023" s="45">
        <v>17.600000000000001</v>
      </c>
      <c r="F3023" s="45">
        <v>37.6</v>
      </c>
      <c r="G3023" s="46">
        <v>44.8</v>
      </c>
    </row>
    <row r="3024" spans="1:25" x14ac:dyDescent="0.2">
      <c r="B3024" s="72"/>
      <c r="C3024" s="38" t="s">
        <v>43</v>
      </c>
      <c r="D3024" s="44">
        <v>231</v>
      </c>
      <c r="E3024" s="45">
        <v>16.5</v>
      </c>
      <c r="F3024" s="45">
        <v>35.9</v>
      </c>
      <c r="G3024" s="46">
        <v>47.6</v>
      </c>
    </row>
    <row r="3025" spans="2:7" x14ac:dyDescent="0.2">
      <c r="B3025" s="72"/>
      <c r="C3025" s="38" t="s">
        <v>44</v>
      </c>
      <c r="D3025" s="44">
        <v>800</v>
      </c>
      <c r="E3025" s="45">
        <v>18.600000000000001</v>
      </c>
      <c r="F3025" s="45">
        <v>37</v>
      </c>
      <c r="G3025" s="46">
        <v>44.4</v>
      </c>
    </row>
    <row r="3026" spans="2:7" x14ac:dyDescent="0.2">
      <c r="B3026" s="72"/>
      <c r="C3026" s="38" t="s">
        <v>45</v>
      </c>
      <c r="D3026" s="44">
        <v>240</v>
      </c>
      <c r="E3026" s="45">
        <v>23.8</v>
      </c>
      <c r="F3026" s="45">
        <v>32.1</v>
      </c>
      <c r="G3026" s="46">
        <v>44.2</v>
      </c>
    </row>
    <row r="3027" spans="2:7" x14ac:dyDescent="0.2">
      <c r="B3027" s="72"/>
      <c r="C3027" s="38" t="s">
        <v>46</v>
      </c>
      <c r="D3027" s="44">
        <v>117</v>
      </c>
      <c r="E3027" s="45">
        <v>23.1</v>
      </c>
      <c r="F3027" s="45">
        <v>35.9</v>
      </c>
      <c r="G3027" s="46">
        <v>41</v>
      </c>
    </row>
    <row r="3028" spans="2:7" x14ac:dyDescent="0.2">
      <c r="B3028" s="72"/>
      <c r="C3028" s="38" t="s">
        <v>47</v>
      </c>
      <c r="D3028" s="44">
        <v>461</v>
      </c>
      <c r="E3028" s="45">
        <v>18</v>
      </c>
      <c r="F3028" s="45">
        <v>36.9</v>
      </c>
      <c r="G3028" s="46">
        <v>45.1</v>
      </c>
    </row>
    <row r="3029" spans="2:7" ht="21.6" x14ac:dyDescent="0.2">
      <c r="B3029" s="72"/>
      <c r="C3029" s="39" t="s">
        <v>48</v>
      </c>
      <c r="D3029" s="47">
        <v>2307</v>
      </c>
      <c r="E3029" s="48">
        <v>18.5</v>
      </c>
      <c r="F3029" s="48">
        <v>36</v>
      </c>
      <c r="G3029" s="49">
        <v>45.5</v>
      </c>
    </row>
    <row r="3030" spans="2:7" x14ac:dyDescent="0.2">
      <c r="B3030" s="7" t="s">
        <v>49</v>
      </c>
      <c r="C3030" s="4" t="s">
        <v>338</v>
      </c>
    </row>
    <row r="3031" spans="2:7" x14ac:dyDescent="0.2">
      <c r="B3031" s="4"/>
      <c r="C3031" s="4" t="s">
        <v>51</v>
      </c>
    </row>
    <row r="3034" spans="2:7" x14ac:dyDescent="0.2">
      <c r="B3034" t="s">
        <v>339</v>
      </c>
    </row>
  </sheetData>
  <mergeCells count="376">
    <mergeCell ref="B2:Y2"/>
    <mergeCell ref="B5:B14"/>
    <mergeCell ref="B19:Y19"/>
    <mergeCell ref="B22:B31"/>
    <mergeCell ref="B34:Y34"/>
    <mergeCell ref="B37:B46"/>
    <mergeCell ref="B96:Y96"/>
    <mergeCell ref="B99:B108"/>
    <mergeCell ref="B113:Y113"/>
    <mergeCell ref="B116:B125"/>
    <mergeCell ref="B130:Y130"/>
    <mergeCell ref="B133:B142"/>
    <mergeCell ref="B49:Y49"/>
    <mergeCell ref="B52:B61"/>
    <mergeCell ref="B64:Y64"/>
    <mergeCell ref="B67:B76"/>
    <mergeCell ref="B79:Y79"/>
    <mergeCell ref="B82:B91"/>
    <mergeCell ref="B192:Y192"/>
    <mergeCell ref="B195:B204"/>
    <mergeCell ref="B207:Y207"/>
    <mergeCell ref="B210:B219"/>
    <mergeCell ref="B224:Y224"/>
    <mergeCell ref="B227:B236"/>
    <mergeCell ref="B145:Y145"/>
    <mergeCell ref="B148:B157"/>
    <mergeCell ref="B160:Y160"/>
    <mergeCell ref="B163:B172"/>
    <mergeCell ref="B177:Y177"/>
    <mergeCell ref="B180:B189"/>
    <mergeCell ref="B286:Y286"/>
    <mergeCell ref="B289:B298"/>
    <mergeCell ref="B301:Y301"/>
    <mergeCell ref="B304:B313"/>
    <mergeCell ref="B318:Y318"/>
    <mergeCell ref="B321:B330"/>
    <mergeCell ref="B239:Y239"/>
    <mergeCell ref="B242:B251"/>
    <mergeCell ref="B254:Y254"/>
    <mergeCell ref="B257:B266"/>
    <mergeCell ref="B271:Y271"/>
    <mergeCell ref="B274:B283"/>
    <mergeCell ref="B380:Y380"/>
    <mergeCell ref="B383:B392"/>
    <mergeCell ref="B395:Y395"/>
    <mergeCell ref="B398:B407"/>
    <mergeCell ref="B412:Y412"/>
    <mergeCell ref="B415:B424"/>
    <mergeCell ref="B333:Y333"/>
    <mergeCell ref="B336:B345"/>
    <mergeCell ref="B348:Y348"/>
    <mergeCell ref="B351:B360"/>
    <mergeCell ref="B363:Y363"/>
    <mergeCell ref="B366:B375"/>
    <mergeCell ref="B476:Y476"/>
    <mergeCell ref="B479:B488"/>
    <mergeCell ref="B491:Y491"/>
    <mergeCell ref="B494:B503"/>
    <mergeCell ref="B508:Y508"/>
    <mergeCell ref="B511:B520"/>
    <mergeCell ref="B427:Y427"/>
    <mergeCell ref="B430:B439"/>
    <mergeCell ref="B444:Y444"/>
    <mergeCell ref="B447:B456"/>
    <mergeCell ref="B459:Y459"/>
    <mergeCell ref="B462:B471"/>
    <mergeCell ref="B572:Y572"/>
    <mergeCell ref="B575:B584"/>
    <mergeCell ref="B587:Y587"/>
    <mergeCell ref="B590:B599"/>
    <mergeCell ref="B604:Y604"/>
    <mergeCell ref="B607:B616"/>
    <mergeCell ref="B525:Y525"/>
    <mergeCell ref="B528:B537"/>
    <mergeCell ref="B540:Y540"/>
    <mergeCell ref="B543:B552"/>
    <mergeCell ref="B555:Y555"/>
    <mergeCell ref="B558:B567"/>
    <mergeCell ref="B668:Y668"/>
    <mergeCell ref="B671:B680"/>
    <mergeCell ref="B683:Y683"/>
    <mergeCell ref="B686:B695"/>
    <mergeCell ref="B700:Y700"/>
    <mergeCell ref="B703:B712"/>
    <mergeCell ref="B619:Y619"/>
    <mergeCell ref="B622:B631"/>
    <mergeCell ref="B636:Y636"/>
    <mergeCell ref="B639:B648"/>
    <mergeCell ref="B651:Y651"/>
    <mergeCell ref="B654:B663"/>
    <mergeCell ref="B764:Y764"/>
    <mergeCell ref="B767:B776"/>
    <mergeCell ref="B779:Y779"/>
    <mergeCell ref="B782:B791"/>
    <mergeCell ref="B796:Y796"/>
    <mergeCell ref="B799:B808"/>
    <mergeCell ref="B715:Y715"/>
    <mergeCell ref="B718:B727"/>
    <mergeCell ref="B732:Y732"/>
    <mergeCell ref="B735:B744"/>
    <mergeCell ref="B747:Y747"/>
    <mergeCell ref="B750:B759"/>
    <mergeCell ref="B860:Y860"/>
    <mergeCell ref="B863:B872"/>
    <mergeCell ref="B875:Y875"/>
    <mergeCell ref="B878:B887"/>
    <mergeCell ref="B892:Y892"/>
    <mergeCell ref="B895:B904"/>
    <mergeCell ref="B811:Y811"/>
    <mergeCell ref="B814:B823"/>
    <mergeCell ref="B828:Y828"/>
    <mergeCell ref="B831:B840"/>
    <mergeCell ref="B843:Y843"/>
    <mergeCell ref="B846:B855"/>
    <mergeCell ref="B956:Y956"/>
    <mergeCell ref="B959:B968"/>
    <mergeCell ref="B973:Y973"/>
    <mergeCell ref="B976:B985"/>
    <mergeCell ref="B990:Y990"/>
    <mergeCell ref="B993:B1002"/>
    <mergeCell ref="B907:Y907"/>
    <mergeCell ref="B910:B919"/>
    <mergeCell ref="B924:Y924"/>
    <mergeCell ref="B927:B936"/>
    <mergeCell ref="B939:Y939"/>
    <mergeCell ref="B942:B951"/>
    <mergeCell ref="B1058:Y1058"/>
    <mergeCell ref="B1061:B1070"/>
    <mergeCell ref="B1075:Y1075"/>
    <mergeCell ref="B1078:B1087"/>
    <mergeCell ref="B1092:Y1092"/>
    <mergeCell ref="B1095:B1104"/>
    <mergeCell ref="B1007:Y1007"/>
    <mergeCell ref="B1010:B1019"/>
    <mergeCell ref="B1024:Y1024"/>
    <mergeCell ref="B1027:B1036"/>
    <mergeCell ref="B1041:Y1041"/>
    <mergeCell ref="B1044:B1053"/>
    <mergeCell ref="B1154:Y1154"/>
    <mergeCell ref="B1157:B1166"/>
    <mergeCell ref="B1169:Y1169"/>
    <mergeCell ref="B1172:B1181"/>
    <mergeCell ref="B1184:Y1184"/>
    <mergeCell ref="B1187:B1196"/>
    <mergeCell ref="B1109:Y1109"/>
    <mergeCell ref="B1112:B1121"/>
    <mergeCell ref="B1124:Y1124"/>
    <mergeCell ref="B1127:B1136"/>
    <mergeCell ref="B1139:Y1139"/>
    <mergeCell ref="B1142:B1151"/>
    <mergeCell ref="B1244:Y1244"/>
    <mergeCell ref="B1247:B1256"/>
    <mergeCell ref="B1259:Y1259"/>
    <mergeCell ref="B1262:B1271"/>
    <mergeCell ref="B1276:Y1276"/>
    <mergeCell ref="B1279:B1288"/>
    <mergeCell ref="B1199:Y1199"/>
    <mergeCell ref="B1202:B1211"/>
    <mergeCell ref="B1214:Y1214"/>
    <mergeCell ref="B1217:B1226"/>
    <mergeCell ref="B1229:Y1229"/>
    <mergeCell ref="B1232:B1241"/>
    <mergeCell ref="B1340:Y1340"/>
    <mergeCell ref="B1343:B1352"/>
    <mergeCell ref="B1355:Y1355"/>
    <mergeCell ref="B1358:B1367"/>
    <mergeCell ref="B1372:Y1372"/>
    <mergeCell ref="B1375:B1384"/>
    <mergeCell ref="B1291:Y1291"/>
    <mergeCell ref="B1294:B1303"/>
    <mergeCell ref="B1308:Y1308"/>
    <mergeCell ref="B1311:B1320"/>
    <mergeCell ref="B1323:Y1323"/>
    <mergeCell ref="B1326:B1335"/>
    <mergeCell ref="B1438:Y1438"/>
    <mergeCell ref="B1441:B1450"/>
    <mergeCell ref="B1453:Y1453"/>
    <mergeCell ref="B1456:B1465"/>
    <mergeCell ref="B1470:Y1470"/>
    <mergeCell ref="B1473:B1482"/>
    <mergeCell ref="B1389:Y1389"/>
    <mergeCell ref="B1392:B1401"/>
    <mergeCell ref="B1404:Y1404"/>
    <mergeCell ref="B1407:B1416"/>
    <mergeCell ref="B1421:Y1421"/>
    <mergeCell ref="B1424:B1433"/>
    <mergeCell ref="B1530:Y1530"/>
    <mergeCell ref="B1533:B1542"/>
    <mergeCell ref="B1547:Y1547"/>
    <mergeCell ref="B1550:B1559"/>
    <mergeCell ref="B1564:Y1564"/>
    <mergeCell ref="B1567:B1576"/>
    <mergeCell ref="B1485:Y1485"/>
    <mergeCell ref="B1488:B1497"/>
    <mergeCell ref="B1500:Y1500"/>
    <mergeCell ref="B1503:B1512"/>
    <mergeCell ref="B1515:Y1515"/>
    <mergeCell ref="B1518:B1527"/>
    <mergeCell ref="B1628:Y1628"/>
    <mergeCell ref="B1631:B1640"/>
    <mergeCell ref="B1643:Y1643"/>
    <mergeCell ref="B1646:B1655"/>
    <mergeCell ref="B1660:Y1660"/>
    <mergeCell ref="B1663:B1672"/>
    <mergeCell ref="B1579:Y1579"/>
    <mergeCell ref="B1582:B1591"/>
    <mergeCell ref="B1596:Y1596"/>
    <mergeCell ref="B1599:B1608"/>
    <mergeCell ref="B1613:Y1613"/>
    <mergeCell ref="B1616:B1625"/>
    <mergeCell ref="B1726:Y1726"/>
    <mergeCell ref="B1729:B1738"/>
    <mergeCell ref="B1743:Y1743"/>
    <mergeCell ref="B1746:B1755"/>
    <mergeCell ref="B1760:Y1760"/>
    <mergeCell ref="B1763:B1772"/>
    <mergeCell ref="B1677:Y1677"/>
    <mergeCell ref="B1680:B1689"/>
    <mergeCell ref="B1692:Y1692"/>
    <mergeCell ref="B1695:B1704"/>
    <mergeCell ref="B1709:Y1709"/>
    <mergeCell ref="B1712:B1721"/>
    <mergeCell ref="B1828:Y1828"/>
    <mergeCell ref="B1831:B1840"/>
    <mergeCell ref="B1845:Y1845"/>
    <mergeCell ref="B1848:B1857"/>
    <mergeCell ref="B1862:Y1862"/>
    <mergeCell ref="B1865:B1874"/>
    <mergeCell ref="B1777:Y1777"/>
    <mergeCell ref="B1780:B1789"/>
    <mergeCell ref="B1794:Y1794"/>
    <mergeCell ref="B1797:B1806"/>
    <mergeCell ref="B1811:Y1811"/>
    <mergeCell ref="B1814:B1823"/>
    <mergeCell ref="B1930:Y1930"/>
    <mergeCell ref="B1933:B1942"/>
    <mergeCell ref="B1947:Y1947"/>
    <mergeCell ref="B1950:B1959"/>
    <mergeCell ref="B1964:Y1964"/>
    <mergeCell ref="B1967:B1976"/>
    <mergeCell ref="B1879:Y1879"/>
    <mergeCell ref="B1882:B1891"/>
    <mergeCell ref="B1896:Y1896"/>
    <mergeCell ref="B1899:B1908"/>
    <mergeCell ref="B1913:Y1913"/>
    <mergeCell ref="B1916:B1925"/>
    <mergeCell ref="B2030:Y2030"/>
    <mergeCell ref="B2033:B2042"/>
    <mergeCell ref="B2045:Y2045"/>
    <mergeCell ref="B2048:B2057"/>
    <mergeCell ref="B2062:Y2062"/>
    <mergeCell ref="B2065:B2074"/>
    <mergeCell ref="B1981:Y1981"/>
    <mergeCell ref="B1984:B1993"/>
    <mergeCell ref="B1998:Y1998"/>
    <mergeCell ref="B2001:B2010"/>
    <mergeCell ref="B2015:Y2015"/>
    <mergeCell ref="B2018:B2027"/>
    <mergeCell ref="B2126:Y2126"/>
    <mergeCell ref="B2129:B2138"/>
    <mergeCell ref="B2141:Y2141"/>
    <mergeCell ref="B2144:B2153"/>
    <mergeCell ref="B2158:Y2158"/>
    <mergeCell ref="B2161:B2170"/>
    <mergeCell ref="B2079:Y2079"/>
    <mergeCell ref="B2082:B2091"/>
    <mergeCell ref="B2094:Y2094"/>
    <mergeCell ref="B2097:B2106"/>
    <mergeCell ref="B2109:Y2109"/>
    <mergeCell ref="B2112:B2121"/>
    <mergeCell ref="B2224:Y2224"/>
    <mergeCell ref="B2227:B2236"/>
    <mergeCell ref="B2239:Y2239"/>
    <mergeCell ref="B2242:B2251"/>
    <mergeCell ref="B2254:Y2254"/>
    <mergeCell ref="B2257:B2266"/>
    <mergeCell ref="B2175:Y2175"/>
    <mergeCell ref="B2178:B2187"/>
    <mergeCell ref="B2192:Y2192"/>
    <mergeCell ref="B2195:B2204"/>
    <mergeCell ref="B2209:Y2209"/>
    <mergeCell ref="B2212:B2221"/>
    <mergeCell ref="B2320:Y2320"/>
    <mergeCell ref="B2323:B2332"/>
    <mergeCell ref="B2337:Y2337"/>
    <mergeCell ref="B2340:B2349"/>
    <mergeCell ref="B2354:Y2354"/>
    <mergeCell ref="B2357:B2366"/>
    <mergeCell ref="B2269:Y2269"/>
    <mergeCell ref="B2272:B2281"/>
    <mergeCell ref="B2286:Y2286"/>
    <mergeCell ref="B2289:B2298"/>
    <mergeCell ref="B2303:Y2303"/>
    <mergeCell ref="B2306:B2315"/>
    <mergeCell ref="B2422:Y2422"/>
    <mergeCell ref="B2425:B2434"/>
    <mergeCell ref="B2437:Y2437"/>
    <mergeCell ref="B2440:B2449"/>
    <mergeCell ref="B2454:Y2454"/>
    <mergeCell ref="B2457:B2466"/>
    <mergeCell ref="B2371:Y2371"/>
    <mergeCell ref="B2374:B2383"/>
    <mergeCell ref="B2388:Y2388"/>
    <mergeCell ref="B2391:B2400"/>
    <mergeCell ref="B2405:Y2405"/>
    <mergeCell ref="B2408:B2417"/>
    <mergeCell ref="B2520:Y2520"/>
    <mergeCell ref="B2523:B2532"/>
    <mergeCell ref="B2537:Y2537"/>
    <mergeCell ref="B2540:B2549"/>
    <mergeCell ref="B2554:Y2554"/>
    <mergeCell ref="B2557:B2566"/>
    <mergeCell ref="B2471:Y2471"/>
    <mergeCell ref="B2474:B2483"/>
    <mergeCell ref="B2488:Y2488"/>
    <mergeCell ref="B2491:B2500"/>
    <mergeCell ref="B2503:Y2503"/>
    <mergeCell ref="B2506:B2515"/>
    <mergeCell ref="B2618:Y2618"/>
    <mergeCell ref="B2621:B2630"/>
    <mergeCell ref="B2635:Y2635"/>
    <mergeCell ref="B2638:B2647"/>
    <mergeCell ref="B2652:Y2652"/>
    <mergeCell ref="B2655:B2664"/>
    <mergeCell ref="B2569:Y2569"/>
    <mergeCell ref="B2572:B2581"/>
    <mergeCell ref="B2586:Y2586"/>
    <mergeCell ref="B2589:B2598"/>
    <mergeCell ref="B2603:Y2603"/>
    <mergeCell ref="B2606:B2615"/>
    <mergeCell ref="B2718:Y2718"/>
    <mergeCell ref="B2721:B2730"/>
    <mergeCell ref="B2733:Y2733"/>
    <mergeCell ref="B2736:B2745"/>
    <mergeCell ref="B2748:Y2748"/>
    <mergeCell ref="B2751:B2760"/>
    <mergeCell ref="B2667:Y2667"/>
    <mergeCell ref="B2670:B2679"/>
    <mergeCell ref="B2684:Y2684"/>
    <mergeCell ref="B2687:B2696"/>
    <mergeCell ref="B2701:Y2701"/>
    <mergeCell ref="B2704:B2713"/>
    <mergeCell ref="B2812:Y2812"/>
    <mergeCell ref="B2815:B2824"/>
    <mergeCell ref="B2827:Y2827"/>
    <mergeCell ref="B2830:B2839"/>
    <mergeCell ref="B2842:Y2842"/>
    <mergeCell ref="B2845:B2854"/>
    <mergeCell ref="B2765:Y2765"/>
    <mergeCell ref="B2768:B2777"/>
    <mergeCell ref="B2780:Y2780"/>
    <mergeCell ref="B2783:B2792"/>
    <mergeCell ref="B2795:Y2795"/>
    <mergeCell ref="B2798:B2807"/>
    <mergeCell ref="B2904:Y2904"/>
    <mergeCell ref="B2907:B2916"/>
    <mergeCell ref="B2921:Y2921"/>
    <mergeCell ref="B2924:B2933"/>
    <mergeCell ref="B2938:Y2938"/>
    <mergeCell ref="B2941:B2950"/>
    <mergeCell ref="B2859:Y2859"/>
    <mergeCell ref="B2862:B2871"/>
    <mergeCell ref="B2874:Y2874"/>
    <mergeCell ref="B2877:B2886"/>
    <mergeCell ref="B2889:Y2889"/>
    <mergeCell ref="B2892:B2901"/>
    <mergeCell ref="B3002:Y3002"/>
    <mergeCell ref="B3005:B3014"/>
    <mergeCell ref="B3017:Y3017"/>
    <mergeCell ref="B3020:B3029"/>
    <mergeCell ref="B2953:Y2953"/>
    <mergeCell ref="B2956:B2965"/>
    <mergeCell ref="B2968:Y2968"/>
    <mergeCell ref="B2971:B2980"/>
    <mergeCell ref="B2985:Y2985"/>
    <mergeCell ref="B2988:B2997"/>
  </mergeCells>
  <phoneticPr fontId="2"/>
  <hyperlinks>
    <hyperlink ref="A1" location="Contents!A1" display="目次" xr:uid="{AF429A51-4817-4EFF-95F1-818DCAC9C4A5}"/>
    <hyperlink ref="A18" location="Contents!A1" display="目次" xr:uid="{FF843B65-8570-47C3-A6F0-B87B72BD0EA8}"/>
    <hyperlink ref="A33" location="Contents!A1" display="目次" xr:uid="{EB6C06BB-0A00-460C-91AE-EAE1224907B8}"/>
    <hyperlink ref="A48" location="Contents!A1" display="目次" xr:uid="{D0745BC8-BC2F-4964-9233-C54AE5C792D2}"/>
    <hyperlink ref="A63" location="Contents!A1" display="目次" xr:uid="{D35C1401-E6E9-4C07-AB7A-20F1ADEC8AD0}"/>
    <hyperlink ref="A78" location="Contents!A1" display="目次" xr:uid="{A818D34C-23FF-4FFD-97B6-7C2CAD85BC4E}"/>
    <hyperlink ref="A129" location="Contents!A1" display="目次" xr:uid="{78F21E95-3DA3-4424-B122-14A582FFBA98}"/>
    <hyperlink ref="A144" location="Contents!A1" display="目次" xr:uid="{ACBB41A4-5F51-48A1-B2AE-8C508B721FC7}"/>
    <hyperlink ref="A159" location="Contents!A1" display="目次" xr:uid="{80342744-786A-43E5-AF6C-0A2CE55A8B95}"/>
    <hyperlink ref="A176" location="Contents!A1" display="目次" xr:uid="{3B8B34DA-8649-4CFD-858A-C29862CA0AC4}"/>
    <hyperlink ref="A191" location="Contents!A1" display="目次" xr:uid="{4C3F7C88-0356-4D44-88F1-19576C608694}"/>
    <hyperlink ref="A206" location="Contents!A1" display="目次" xr:uid="{847190C7-E3B8-4746-9F9A-5CFCCBD62C48}"/>
    <hyperlink ref="A223" location="Contents!A1" display="目次" xr:uid="{385B48AA-92FE-4574-A130-E7BA3ADDB35E}"/>
    <hyperlink ref="A238" location="Contents!A1" display="目次" xr:uid="{56658C20-E4C2-48D2-BAE7-4A32415DD609}"/>
    <hyperlink ref="A253" location="Contents!A1" display="目次" xr:uid="{246C9D01-17C6-48C8-8443-45B7321DFA3C}"/>
    <hyperlink ref="A270" location="Contents!A1" display="目次" xr:uid="{0FB89088-1105-4209-8917-D1535D033E09}"/>
    <hyperlink ref="A285" location="Contents!A1" display="目次" xr:uid="{8FF77857-3F94-4CE9-8C95-FB4435BA6E3D}"/>
    <hyperlink ref="A300" location="Contents!A1" display="目次" xr:uid="{61DE8153-50F6-43FD-A17A-CF183577CDD6}"/>
    <hyperlink ref="A317" location="Contents!A1" display="目次" xr:uid="{87985AA2-B638-4F87-9A1F-AA365A7CAC70}"/>
    <hyperlink ref="A332" location="Contents!A1" display="目次" xr:uid="{519C5A16-56E1-4EA4-A3DA-90F304C41A4A}"/>
    <hyperlink ref="A347" location="Contents!A1" display="目次" xr:uid="{F2ACA25C-CBD8-4E7E-9FF5-BF35C972A946}"/>
    <hyperlink ref="A362" location="Contents!A1" display="目次" xr:uid="{647A7028-2A31-4170-8543-9071677F9055}"/>
    <hyperlink ref="A379" location="Contents!A1" display="目次" xr:uid="{FB968798-451A-404D-BA2B-376EB753625A}"/>
    <hyperlink ref="A394" location="Contents!A1" display="目次" xr:uid="{1B2473D5-B1E6-420D-8A45-6C82EB0C072F}"/>
    <hyperlink ref="A411" location="Contents!A1" display="目次" xr:uid="{3BB09F53-CA43-4069-B503-B2DE7C50FBE5}"/>
    <hyperlink ref="A426" location="Contents!A1" display="目次" xr:uid="{565DB7C1-95A8-4F79-A928-A6E53C45E800}"/>
    <hyperlink ref="A443" location="Contents!A1" display="目次" xr:uid="{3284CFB5-EB6E-48A7-8BF7-00890D6FF2F1}"/>
    <hyperlink ref="A458" location="Contents!A1" display="目次" xr:uid="{3C54A726-6FE1-441F-AA50-16C2FD4D3F0B}"/>
    <hyperlink ref="A475" location="Contents!A1" display="目次" xr:uid="{A1909D01-E972-45E5-A6A4-977B76C4F6EF}"/>
    <hyperlink ref="A490" location="Contents!A1" display="目次" xr:uid="{F773E2CA-C9E7-442A-A8E8-23F3166A18EE}"/>
    <hyperlink ref="A507" location="Contents!A1" display="目次" xr:uid="{FD2B30B2-BCAE-4CD3-8611-4ADE780893C1}"/>
    <hyperlink ref="A524" location="Contents!A1" display="目次" xr:uid="{3F93A886-EC60-4E28-A45B-42E8BADE65A7}"/>
    <hyperlink ref="A539" location="Contents!A1" display="目次" xr:uid="{528F5F2E-4190-4B18-838B-3BCE9F3CA1F9}"/>
    <hyperlink ref="A554" location="Contents!A1" display="目次" xr:uid="{72B0742F-952A-4AD4-9466-B0E85AAF4E26}"/>
    <hyperlink ref="A571" location="Contents!A1" display="目次" xr:uid="{F5A3E421-221A-4B3C-B068-46AAD818D4D1}"/>
    <hyperlink ref="A586" location="Contents!A1" display="目次" xr:uid="{CF62900F-3692-4D05-B95B-00CEBD2EB04E}"/>
    <hyperlink ref="A603" location="Contents!A1" display="目次" xr:uid="{7EDE297D-E4F3-43D8-B58C-F1AA97DD53A6}"/>
    <hyperlink ref="A618" location="Contents!A1" display="目次" xr:uid="{13C76F38-0C0A-4CCB-93AC-3E2569AC54DB}"/>
    <hyperlink ref="A635" location="Contents!A1" display="目次" xr:uid="{8E413C9D-0C9F-4DD1-A8A1-0413D0B97903}"/>
    <hyperlink ref="A650" location="Contents!A1" display="目次" xr:uid="{A92BC28F-1D58-476F-8E14-919F16336278}"/>
    <hyperlink ref="A667" location="Contents!A1" display="目次" xr:uid="{864527F3-1385-4157-AB65-BCADBD0B05F0}"/>
    <hyperlink ref="A682" location="Contents!A1" display="目次" xr:uid="{9F9F8A56-0CB3-41D6-93D4-65D08B350CFD}"/>
    <hyperlink ref="A699" location="Contents!A1" display="目次" xr:uid="{9C98264F-3C55-4FE1-8A1E-54201C26B4D1}"/>
    <hyperlink ref="A714" location="Contents!A1" display="目次" xr:uid="{6C78C8B2-4B74-4208-9B1E-35A0A628D7F5}"/>
    <hyperlink ref="A731" location="Contents!A1" display="目次" xr:uid="{EF1BFDE4-F144-4887-9433-30C7C876939A}"/>
    <hyperlink ref="A746" location="Contents!A1" display="目次" xr:uid="{D384E56E-3A46-4B12-8800-4646B0655183}"/>
    <hyperlink ref="A763" location="Contents!A1" display="目次" xr:uid="{00F540F7-BA86-49E2-A7F5-41989AF661A5}"/>
    <hyperlink ref="A778" location="Contents!A1" display="目次" xr:uid="{7C4E0CCB-B627-4276-9D9C-B812C6DEE9F8}"/>
    <hyperlink ref="A795" location="Contents!A1" display="目次" xr:uid="{FE3C8BC6-E55F-4C02-BFB4-5F883DA81162}"/>
    <hyperlink ref="A810" location="Contents!A1" display="目次" xr:uid="{9B17C903-64F6-4CFB-BA33-61CCA9AA7FDD}"/>
    <hyperlink ref="A827" location="Contents!A1" display="目次" xr:uid="{3F0F8652-0403-42C4-A3C0-D7910C411FBE}"/>
    <hyperlink ref="A842" location="Contents!A1" display="目次" xr:uid="{455F1A15-2726-4724-ACAA-4233CD542653}"/>
    <hyperlink ref="A859" location="Contents!A1" display="目次" xr:uid="{C5D368C2-EBC9-421C-B6F5-1A53345D65B8}"/>
    <hyperlink ref="A874" location="Contents!A1" display="目次" xr:uid="{9BD74E9A-D3CE-436C-96FB-45ECFB77716C}"/>
    <hyperlink ref="A891" location="Contents!A1" display="目次" xr:uid="{C612A056-3FC3-4983-8268-5E99700A5B8B}"/>
    <hyperlink ref="A906" location="Contents!A1" display="目次" xr:uid="{9F8CC7B8-E25F-40FC-8ED6-77AE4C334BD2}"/>
    <hyperlink ref="A923" location="Contents!A1" display="目次" xr:uid="{903C92E2-258A-4F49-BD7E-1EFA11A39E43}"/>
    <hyperlink ref="A938" location="Contents!A1" display="目次" xr:uid="{5C2F6E80-0EBD-4339-BF43-DF01EDC131C3}"/>
    <hyperlink ref="A955" location="Contents!A1" display="目次" xr:uid="{19AB81E6-40FB-46C3-96F4-074472C7FC04}"/>
    <hyperlink ref="A972" location="Contents!A1" display="目次" xr:uid="{6442A9D6-8FBD-43A4-A89F-E93A6FF01A99}"/>
    <hyperlink ref="A989" location="Contents!A1" display="目次" xr:uid="{A92BFEFC-E37C-4433-BFE1-4F42A6BD39F7}"/>
    <hyperlink ref="A1006" location="Contents!A1" display="目次" xr:uid="{5291FFF7-AF70-485C-90C6-7737D680352A}"/>
    <hyperlink ref="A1023" location="Contents!A1" display="目次" xr:uid="{D20BCC3E-F5BB-4D98-BF4E-30DF77D202AE}"/>
    <hyperlink ref="A1040" location="Contents!A1" display="目次" xr:uid="{C5CB131D-8144-42C4-981B-CD5767E7B4C2}"/>
    <hyperlink ref="A1057" location="Contents!A1" display="目次" xr:uid="{6F911CFA-6E82-4F15-86CB-C1FA338F12FB}"/>
    <hyperlink ref="A1074" location="Contents!A1" display="目次" xr:uid="{60351780-9C87-4A7D-857B-ACA55CDEDFF4}"/>
    <hyperlink ref="A1091" location="Contents!A1" display="目次" xr:uid="{27470EA1-8C9C-4719-B9E8-F2F47947AEED}"/>
    <hyperlink ref="A1108" location="Contents!A1" display="目次" xr:uid="{DA41B942-FA3D-4C50-961E-C56C903F6AE5}"/>
    <hyperlink ref="A1123" location="Contents!A1" display="目次" xr:uid="{17200E5B-ED09-4691-A5BD-8709A2B5C241}"/>
    <hyperlink ref="A1138" location="Contents!A1" display="目次" xr:uid="{1493DF01-8D21-4030-998C-743372BB790F}"/>
    <hyperlink ref="A1153" location="Contents!A1" display="目次" xr:uid="{48DC5173-FCBF-474E-B10E-FFEE0F7C9AA1}"/>
    <hyperlink ref="A1168" location="Contents!A1" display="目次" xr:uid="{5CF3688D-F632-4A1E-99F5-1249FB052674}"/>
    <hyperlink ref="A1183" location="Contents!A1" display="目次" xr:uid="{D2F3A624-C457-4392-B741-280C68BD8A90}"/>
    <hyperlink ref="A1198" location="Contents!A1" display="目次" xr:uid="{7011F0CF-810D-4CE6-B1A3-86E12CA38D75}"/>
    <hyperlink ref="A1213" location="Contents!A1" display="目次" xr:uid="{9F358100-42F8-42C3-B62D-98BF25931E4F}"/>
    <hyperlink ref="A1228" location="Contents!A1" display="目次" xr:uid="{9CB4429A-8198-4B04-8E5E-02BA4000AD26}"/>
    <hyperlink ref="A1243" location="Contents!A1" display="目次" xr:uid="{19F821B9-FDF3-446A-936A-A46DC6B61942}"/>
    <hyperlink ref="A1258" location="Contents!A1" display="目次" xr:uid="{312B1220-D66B-4AA5-ABE9-564A70F84C59}"/>
    <hyperlink ref="A1275" location="Contents!A1" display="目次" xr:uid="{3FC9C6CA-7577-4BCD-93DE-D23995F40B36}"/>
    <hyperlink ref="A1290" location="Contents!A1" display="目次" xr:uid="{33DB34F6-2347-492A-98D2-372E3FA9FDCA}"/>
    <hyperlink ref="A1307" location="Contents!A1" display="目次" xr:uid="{39041F9A-F59D-4506-B7C4-E48E484B4C84}"/>
    <hyperlink ref="A1322" location="Contents!A1" display="目次" xr:uid="{E6B08A47-9BB5-43C0-8A89-FC60FE11E76C}"/>
    <hyperlink ref="A1339" location="Contents!A1" display="目次" xr:uid="{2158C1B3-5FE3-44A2-9F94-B379D4D6BF31}"/>
    <hyperlink ref="A1354" location="Contents!A1" display="目次" xr:uid="{8C5663E7-C9F6-4106-A180-E954AC622F46}"/>
    <hyperlink ref="A1371" location="Contents!A1" display="目次" xr:uid="{12831433-4490-4908-82F4-91682589FE46}"/>
    <hyperlink ref="A1388" location="Contents!A1" display="目次" xr:uid="{F1B35106-E294-42E8-943B-BE722DC01B64}"/>
    <hyperlink ref="A1403" location="Contents!A1" display="目次" xr:uid="{FFE1029B-8866-4281-9C0C-72EE243907DC}"/>
    <hyperlink ref="A1420" location="Contents!A1" display="目次" xr:uid="{00915EF1-F28A-4E81-9ABD-789E63B551BA}"/>
    <hyperlink ref="A1437" location="Contents!A1" display="目次" xr:uid="{94107926-BBBC-439F-A3BA-AB6498C6717E}"/>
    <hyperlink ref="A1452" location="Contents!A1" display="目次" xr:uid="{898E71DC-B7EF-41E2-90BB-6443FF903645}"/>
    <hyperlink ref="A1469" location="Contents!A1" display="目次" xr:uid="{2B4D6A86-38B2-46F5-9BE0-B622625DD5AF}"/>
    <hyperlink ref="A1484" location="Contents!A1" display="目次" xr:uid="{00950B8B-D57C-41AC-B5E4-2D6244C025B3}"/>
    <hyperlink ref="A1499" location="Contents!A1" display="目次" xr:uid="{62C17164-AE25-4119-B01E-EC38A1A2DD2A}"/>
    <hyperlink ref="A1514" location="Contents!A1" display="目次" xr:uid="{1210A533-62C1-4B40-84C6-0A386BDE4077}"/>
    <hyperlink ref="A1529" location="Contents!A1" display="目次" xr:uid="{8821555C-CCD6-4039-86DA-CD0F4FB59C4E}"/>
    <hyperlink ref="A1546" location="Contents!A1" display="目次" xr:uid="{27B0DBEC-9E17-42BE-8722-12C4CC263250}"/>
    <hyperlink ref="A1563" location="Contents!A1" display="目次" xr:uid="{5CF6611F-701A-4251-BFA9-7AACC40923BA}"/>
    <hyperlink ref="A1578" location="Contents!A1" display="目次" xr:uid="{31E4735D-4F74-4EF4-AF03-A645C0B8105F}"/>
    <hyperlink ref="A1595" location="Contents!A1" display="目次" xr:uid="{616F4F2B-28F5-4C58-9072-8607DA97564E}"/>
    <hyperlink ref="A1612" location="Contents!A1" display="目次" xr:uid="{C2E42937-096D-4685-9CEE-99E4E53F534E}"/>
    <hyperlink ref="A1627" location="Contents!A1" display="目次" xr:uid="{2D5D4A48-82BE-4F41-BE80-41ECD0CD0D1A}"/>
    <hyperlink ref="A1642" location="Contents!A1" display="目次" xr:uid="{5B17AC0A-6415-4C19-9D4B-967D17C3E783}"/>
    <hyperlink ref="A1659" location="Contents!A1" display="目次" xr:uid="{60EEADAA-5A81-4C43-9BB8-39E4B28D2065}"/>
    <hyperlink ref="A1676" location="Contents!A1" display="目次" xr:uid="{7E58058A-07FF-455B-9598-AD9789F6A165}"/>
    <hyperlink ref="A1691" location="Contents!A1" display="目次" xr:uid="{EB11DCA4-392D-4638-B363-EF378AD455FA}"/>
    <hyperlink ref="A1708" location="Contents!A1" display="目次" xr:uid="{951E7733-88A5-4D98-A439-BFFF168B63BA}"/>
    <hyperlink ref="A1725" location="Contents!A1" display="目次" xr:uid="{36CEBBBA-2103-493F-BF24-EC368EF10DA3}"/>
    <hyperlink ref="A1742" location="Contents!A1" display="目次" xr:uid="{F7547CEE-D85B-4FD6-BCC0-92D3F51A5AE2}"/>
    <hyperlink ref="A1759" location="Contents!A1" display="目次" xr:uid="{5CD175D4-6E6C-4A6E-AD64-C773BA453EA4}"/>
    <hyperlink ref="A1776" location="Contents!A1" display="目次" xr:uid="{90BB4C3D-3894-4538-A6D9-D58550429060}"/>
    <hyperlink ref="A1793" location="Contents!A1" display="目次" xr:uid="{A9343D95-798E-4A4A-B889-11B2D47CDEF8}"/>
    <hyperlink ref="A1810" location="Contents!A1" display="目次" xr:uid="{1F2F8C59-B831-4091-B5FC-E050FEA77DF0}"/>
    <hyperlink ref="A1827" location="Contents!A1" display="目次" xr:uid="{14435F78-17BE-4042-9F41-2A92A6A62628}"/>
    <hyperlink ref="A1844" location="Contents!A1" display="目次" xr:uid="{324AFD46-10B3-4880-B7B4-2747CE4454E4}"/>
    <hyperlink ref="A1861" location="Contents!A1" display="目次" xr:uid="{94C92460-C6C5-4311-ADDD-939353250805}"/>
    <hyperlink ref="A1878" location="Contents!A1" display="目次" xr:uid="{4295C071-F585-418E-A6D4-FDEECDDBFAB9}"/>
    <hyperlink ref="A1895" location="Contents!A1" display="目次" xr:uid="{35C7900B-6D57-4AD1-9AA2-999B0E49BCAF}"/>
    <hyperlink ref="A1912" location="Contents!A1" display="目次" xr:uid="{347CF008-3F7F-41CD-8220-B4307CEE0C0A}"/>
    <hyperlink ref="A1929" location="Contents!A1" display="目次" xr:uid="{858B29E5-3E94-4EB2-AC95-5DCF54AFA439}"/>
    <hyperlink ref="A1946" location="Contents!A1" display="目次" xr:uid="{227B666D-D530-4066-B2E1-CAB952FCF52B}"/>
    <hyperlink ref="A1963" location="Contents!A1" display="目次" xr:uid="{B4143D1B-8528-4A08-8F30-EF4A4222F5C1}"/>
    <hyperlink ref="A1980" location="Contents!A1" display="目次" xr:uid="{68ABA67D-5D30-45AA-98E8-35FA0E4F06D4}"/>
    <hyperlink ref="A1997" location="Contents!A1" display="目次" xr:uid="{D9F3C490-A9CF-42F6-8213-2FBF2924ED28}"/>
    <hyperlink ref="A2014" location="Contents!A1" display="目次" xr:uid="{4DF19AFC-EFF5-411F-91AB-E04B6C9899AC}"/>
    <hyperlink ref="A2029" location="Contents!A1" display="目次" xr:uid="{9D1C8123-1674-40DE-ABCB-B09B6275329F}"/>
    <hyperlink ref="A2044" location="Contents!A1" display="目次" xr:uid="{31AF9A51-97BB-4E87-B3F8-B611C16C5AF9}"/>
    <hyperlink ref="A2061" location="Contents!A1" display="目次" xr:uid="{C46A2BF1-6925-48A7-BF9A-8049BD81DC25}"/>
    <hyperlink ref="A2078" location="Contents!A1" display="目次" xr:uid="{80407A6F-D649-439F-9E29-9A2661868C24}"/>
    <hyperlink ref="A2093" location="Contents!A1" display="目次" xr:uid="{0EC53382-F35E-4773-B946-2765F3AC3B43}"/>
    <hyperlink ref="A2108" location="Contents!A1" display="目次" xr:uid="{2CE20804-077A-487E-82A8-E42DD5E6646E}"/>
    <hyperlink ref="A2125" location="Contents!A1" display="目次" xr:uid="{5D07AF95-B5C5-4837-B3F2-67464064F1E7}"/>
    <hyperlink ref="A2140" location="Contents!A1" display="目次" xr:uid="{EDDA4C0E-66AF-4BD3-AEB0-A94151009B57}"/>
    <hyperlink ref="A2157" location="Contents!A1" display="目次" xr:uid="{EC255D99-49B5-4B32-B58B-753A0F869C5C}"/>
    <hyperlink ref="A2174" location="Contents!A1" display="目次" xr:uid="{77C72B30-50B5-408B-9931-860EEB011C7E}"/>
    <hyperlink ref="A2191" location="Contents!A1" display="目次" xr:uid="{F69626BB-8BC5-4A9F-B5EA-979978F27CA9}"/>
    <hyperlink ref="A2208" location="Contents!A1" display="目次" xr:uid="{E9A072AC-5677-4E16-BE9C-93045A0A1B3D}"/>
    <hyperlink ref="A2223" location="Contents!A1" display="目次" xr:uid="{D22A8FFB-925E-460E-A2CA-7CE4BC7D394A}"/>
    <hyperlink ref="A2238" location="Contents!A1" display="目次" xr:uid="{CEDA76FD-4BBD-4B9A-85E5-74D9617E6718}"/>
    <hyperlink ref="A2253" location="Contents!A1" display="目次" xr:uid="{5284E8F1-E88B-4F52-8556-47CC52182946}"/>
    <hyperlink ref="A2268" location="Contents!A1" display="目次" xr:uid="{FF02D657-3FC8-49C5-9974-7F9040404C92}"/>
    <hyperlink ref="A2285" location="Contents!A1" display="目次" xr:uid="{0FDC52C6-39D9-4F54-A72F-A6E075C35620}"/>
    <hyperlink ref="A2302" location="Contents!A1" display="目次" xr:uid="{C917B9DA-893A-4A44-881D-CECE31BAF0F8}"/>
    <hyperlink ref="A2319" location="Contents!A1" display="目次" xr:uid="{2D1C2C40-DADF-4AE0-A2EA-D17243BAAE7B}"/>
    <hyperlink ref="A2336" location="Contents!A1" display="目次" xr:uid="{907EAE16-595F-4B06-B26F-A7D179DC4848}"/>
    <hyperlink ref="A2353" location="Contents!A1" display="目次" xr:uid="{653D05F6-EDFE-4FA5-B01B-E9EC2D503BF0}"/>
    <hyperlink ref="A2370" location="Contents!A1" display="目次" xr:uid="{809EDB33-DA42-4334-A4E3-FBA2D0E31EB6}"/>
    <hyperlink ref="A2387" location="Contents!A1" display="目次" xr:uid="{B53170C9-1BBE-494A-A091-0C4701F5F01D}"/>
    <hyperlink ref="A2404" location="Contents!A1" display="目次" xr:uid="{A89F8A44-5BB6-4347-B59B-2601B97291BC}"/>
    <hyperlink ref="A2421" location="Contents!A1" display="目次" xr:uid="{FCF7F1D3-6DC4-4720-BE1A-3C5EE80EBAF5}"/>
    <hyperlink ref="A2436" location="Contents!A1" display="目次" xr:uid="{DADD569F-49D0-4A82-9836-4A7C57D53E36}"/>
    <hyperlink ref="A2453" location="Contents!A1" display="目次" xr:uid="{6EF64668-D35C-483A-8A67-EE68F3EE15F7}"/>
    <hyperlink ref="A2470" location="Contents!A1" display="目次" xr:uid="{C16F99E5-2A1D-42BA-9BE4-F51AEB42CCFC}"/>
    <hyperlink ref="A2487" location="Contents!A1" display="目次" xr:uid="{BE6040C6-BB96-45B2-9829-96C0ABDF0E52}"/>
    <hyperlink ref="A2502" location="Contents!A1" display="目次" xr:uid="{2356EA5E-7E29-4C5D-B7E5-B3C695BC13AE}"/>
    <hyperlink ref="A2519" location="Contents!A1" display="目次" xr:uid="{31796289-3F8F-4C53-B8D3-D49C502A6E42}"/>
    <hyperlink ref="A2536" location="Contents!A1" display="目次" xr:uid="{218FBBE9-90D4-495E-9515-1575FB7BF074}"/>
    <hyperlink ref="A2553" location="Contents!A1" display="目次" xr:uid="{07CF74B0-7752-42A0-A538-345CB6DEB340}"/>
    <hyperlink ref="A2568" location="Contents!A1" display="目次" xr:uid="{0EA635B3-65AC-4D89-AC6E-F5475737B97F}"/>
    <hyperlink ref="A2585" location="Contents!A1" display="目次" xr:uid="{7037A9E5-6C10-4DEF-B4BE-09FC0BBFDF13}"/>
    <hyperlink ref="A2602" location="Contents!A1" display="目次" xr:uid="{B8DF0437-B68A-48EC-840D-6CAA9EE9EB7C}"/>
    <hyperlink ref="A2617" location="Contents!A1" display="目次" xr:uid="{99450914-FB68-4862-9D1B-90AA37E8D571}"/>
    <hyperlink ref="A2634" location="Contents!A1" display="目次" xr:uid="{1AF4E736-7613-43D4-B6DE-E3906DBDE583}"/>
    <hyperlink ref="A2651" location="Contents!A1" display="目次" xr:uid="{DC68331E-E2AF-44CB-9840-9197903F9539}"/>
    <hyperlink ref="A2666" location="Contents!A1" display="目次" xr:uid="{C7D54029-8E5D-4A0E-85E0-31ABA7215EA1}"/>
    <hyperlink ref="A2683" location="Contents!A1" display="目次" xr:uid="{742A76C4-183F-4D76-AD7A-99341861BE10}"/>
    <hyperlink ref="A2700" location="Contents!A1" display="目次" xr:uid="{7CC170E9-6412-4C83-B545-ADE192576AE7}"/>
    <hyperlink ref="A2717" location="Contents!A1" display="目次" xr:uid="{866CAD9C-83A1-4B9C-9D77-60305439DC36}"/>
    <hyperlink ref="A2732" location="Contents!A1" display="目次" xr:uid="{BEA7EE9B-35D0-4967-884B-B534892CF095}"/>
    <hyperlink ref="A2747" location="Contents!A1" display="目次" xr:uid="{D0A25C77-25FF-4815-862B-64225FA359AB}"/>
    <hyperlink ref="A2764" location="Contents!A1" display="目次" xr:uid="{C356EEB1-E4A1-4D68-AB1C-81DBE297FA32}"/>
    <hyperlink ref="A2779" location="Contents!A1" display="目次" xr:uid="{864B2938-31C5-47AA-A60A-48F31BEC7439}"/>
    <hyperlink ref="A2794" location="Contents!A1" display="目次" xr:uid="{4825D6AD-7E93-44EF-9A33-38F5441077F6}"/>
    <hyperlink ref="A2811" location="Contents!A1" display="目次" xr:uid="{F2112508-3E52-4F14-9F92-1AE04C22DBB8}"/>
    <hyperlink ref="A2826" location="Contents!A1" display="目次" xr:uid="{ABC3C350-5F96-4711-B132-9E11DDB622B2}"/>
    <hyperlink ref="A2841" location="Contents!A1" display="目次" xr:uid="{B391AD78-A9C9-4501-AAB0-A968C84571D6}"/>
    <hyperlink ref="A2858" location="Contents!A1" display="目次" xr:uid="{2B073821-0C21-4243-AB35-4F086395A4A6}"/>
    <hyperlink ref="A2873" location="Contents!A1" display="目次" xr:uid="{1EBE69B7-4A33-449B-ACF7-140514FBB9F5}"/>
    <hyperlink ref="A2888" location="Contents!A1" display="目次" xr:uid="{ABAE6854-CFAD-4664-83E9-0A9946E3B049}"/>
    <hyperlink ref="A2903" location="Contents!A1" display="目次" xr:uid="{1F860398-B602-4630-9E3C-B51086EF8E53}"/>
    <hyperlink ref="A2920" location="Contents!A1" display="目次" xr:uid="{D6AC9980-09FE-4DAB-A455-C73CF4125247}"/>
    <hyperlink ref="A2937" location="Contents!A1" display="目次" xr:uid="{B1E8CE06-2854-47D2-B236-A125D794509F}"/>
    <hyperlink ref="A2952" location="Contents!A1" display="目次" xr:uid="{D40AF25C-EC37-4073-B895-68E4CBE024C3}"/>
    <hyperlink ref="A2967" location="Contents!A1" display="目次" xr:uid="{B233C493-42C3-4AAC-AD80-E888825B057B}"/>
    <hyperlink ref="A2984" location="Contents!A1" display="目次" xr:uid="{971328DE-BA10-468D-8EE8-B87B3AD844FB}"/>
    <hyperlink ref="A3001" location="Contents!A1" display="目次" xr:uid="{A26FCF2D-34F4-4F6E-9D80-39F7870D6AFF}"/>
    <hyperlink ref="A3016" location="Contents!A1" display="目次" xr:uid="{4616816C-8789-4560-998E-5403E74ECEB1}"/>
  </hyperlinks>
  <pageMargins left="0.47244094488188981" right="0.31496062992125984" top="0.19685039370078741" bottom="0.19685039370078741" header="0.39370078740157483" footer="0.39370078740157483"/>
  <pageSetup paperSize="9" scale="75" orientation="landscape" verticalDpi="0" r:id="rId1"/>
  <headerFooter alignWithMargins="0">
    <oddFooter>&amp;R&amp;9&amp;P/&amp;N&amp;L&amp;9</oddFooter>
  </headerFooter>
  <rowBreaks count="68" manualBreakCount="68">
    <brk id="47" min="1" max="25" man="1"/>
    <brk id="94" min="1" max="25" man="1"/>
    <brk id="143" min="1" max="25" man="1"/>
    <brk id="190" min="1" max="25" man="1"/>
    <brk id="222" min="1" max="25" man="1"/>
    <brk id="252" min="1" max="25" man="1"/>
    <brk id="299" min="1" max="25" man="1"/>
    <brk id="346" min="1" max="25" man="1"/>
    <brk id="393" min="1" max="25" man="1"/>
    <brk id="442" min="1" max="25" man="1"/>
    <brk id="489" min="1" max="25" man="1"/>
    <brk id="538" min="1" max="25" man="1"/>
    <brk id="585" min="1" max="25" man="1"/>
    <brk id="634" min="1" max="25" man="1"/>
    <brk id="681" min="1" max="25" man="1"/>
    <brk id="730" min="1" max="25" man="1"/>
    <brk id="777" min="1" max="25" man="1"/>
    <brk id="826" min="1" max="25" man="1"/>
    <brk id="873" min="1" max="25" man="1"/>
    <brk id="922" min="1" max="25" man="1"/>
    <brk id="971" min="1" max="25" man="1"/>
    <brk id="1005" min="1" max="25" man="1"/>
    <brk id="1039" min="1" max="25" man="1"/>
    <brk id="1073" min="1" max="25" man="1"/>
    <brk id="1122" min="1" max="25" man="1"/>
    <brk id="1167" min="1" max="25" man="1"/>
    <brk id="1212" min="1" max="25" man="1"/>
    <brk id="1257" min="1" max="25" man="1"/>
    <brk id="1306" min="1" max="25" man="1"/>
    <brk id="1353" min="1" max="25" man="1"/>
    <brk id="1387" min="1" max="25" man="1"/>
    <brk id="1419" min="1" max="25" man="1"/>
    <brk id="1451" min="1" max="25" man="1"/>
    <brk id="1498" min="1" max="25" man="1"/>
    <brk id="1545" min="1" max="25" man="1"/>
    <brk id="1594" min="1" max="25" man="1"/>
    <brk id="1626" min="1" max="25" man="1"/>
    <brk id="1658" min="1" max="25" man="1"/>
    <brk id="1707" min="1" max="25" man="1"/>
    <brk id="1741" min="1" max="25" man="1"/>
    <brk id="1775" min="1" max="25" man="1"/>
    <brk id="1826" min="1" max="25" man="1"/>
    <brk id="1877" min="1" max="25" man="1"/>
    <brk id="1928" min="1" max="25" man="1"/>
    <brk id="1979" min="1" max="25" man="1"/>
    <brk id="2013" min="1" max="25" man="1"/>
    <brk id="2043" min="1" max="25" man="1"/>
    <brk id="2077" min="1" max="25" man="1"/>
    <brk id="2107" min="1" max="25" man="1"/>
    <brk id="2139" min="1" max="25" man="1"/>
    <brk id="2190" min="1" max="25" man="1"/>
    <brk id="2237" min="1" max="25" man="1"/>
    <brk id="2284" min="1" max="25" man="1"/>
    <brk id="2335" min="1" max="25" man="1"/>
    <brk id="2386" min="1" max="25" man="1"/>
    <brk id="2435" min="1" max="25" man="1"/>
    <brk id="2469" min="1" max="25" man="1"/>
    <brk id="2518" min="1" max="25" man="1"/>
    <brk id="2567" min="1" max="25" man="1"/>
    <brk id="2616" min="1" max="25" man="1"/>
    <brk id="2665" min="1" max="25" man="1"/>
    <brk id="2716" min="1" max="25" man="1"/>
    <brk id="2763" min="1" max="25" man="1"/>
    <brk id="2810" min="1" max="25" man="1"/>
    <brk id="2857" min="1" max="25" man="1"/>
    <brk id="2902" min="1" max="25" man="1"/>
    <brk id="2951" min="1" max="25" man="1"/>
    <brk id="2983" min="1" max="25"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4</vt:i4>
      </vt:variant>
    </vt:vector>
  </HeadingPairs>
  <TitlesOfParts>
    <vt:vector size="7" baseType="lpstr">
      <vt:lpstr>Contents</vt:lpstr>
      <vt:lpstr>Details</vt:lpstr>
      <vt:lpstr>Table</vt:lpstr>
      <vt:lpstr>Contents!Print_Area</vt:lpstr>
      <vt:lpstr>Details!Print_Area</vt:lpstr>
      <vt:lpstr>Table!Print_Area</vt:lpstr>
      <vt:lpstr>Contents!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kikuchi mariko</dc:creator>
  <cp:lastModifiedBy>kikuchi mariko</cp:lastModifiedBy>
  <dcterms:created xsi:type="dcterms:W3CDTF">2021-10-14T04:19:03Z</dcterms:created>
  <dcterms:modified xsi:type="dcterms:W3CDTF">2021-10-14T04:19:50Z</dcterms:modified>
</cp:coreProperties>
</file>